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7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2\meny\"/>
    </mc:Choice>
  </mc:AlternateContent>
  <xr:revisionPtr revIDLastSave="0" documentId="13_ncr:1_{5F4DF2D3-14F5-44D8-9013-054D8E0C27E7}" xr6:coauthVersionLast="36" xr6:coauthVersionMax="47" xr10:uidLastSave="{00000000-0000-0000-0000-000000000000}"/>
  <bookViews>
    <workbookView xWindow="2205" yWindow="2205" windowWidth="23670" windowHeight="12750" activeTab="1" xr2:uid="{00000000-000D-0000-FFFF-FFFF00000000}"/>
  </bookViews>
  <sheets>
    <sheet name="Goods2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10" uniqueCount="42">
  <si>
    <t>ID</t>
  </si>
  <si>
    <t>GoodsID</t>
  </si>
  <si>
    <t>ArrivalBase</t>
  </si>
  <si>
    <t>ArrivalDate</t>
  </si>
  <si>
    <t>Stock</t>
  </si>
  <si>
    <t>BasicCost</t>
  </si>
  <si>
    <t>Price2</t>
  </si>
  <si>
    <t>Price3</t>
  </si>
  <si>
    <t>Price4</t>
  </si>
  <si>
    <t>Price5</t>
  </si>
  <si>
    <t>Price6</t>
  </si>
  <si>
    <t>Price7</t>
  </si>
  <si>
    <t>Price8</t>
  </si>
  <si>
    <t>Price9</t>
  </si>
  <si>
    <t>Price10</t>
  </si>
  <si>
    <t>StockFlag</t>
  </si>
  <si>
    <t>OrderFlag</t>
  </si>
  <si>
    <t>KPrn0_3</t>
  </si>
  <si>
    <t>KPrn1_3</t>
  </si>
  <si>
    <t>KPrn2_3</t>
  </si>
  <si>
    <t>KPrn3_3</t>
  </si>
  <si>
    <t>KPrn0_4</t>
  </si>
  <si>
    <t>KPrn1_4</t>
  </si>
  <si>
    <t>KPrn2_4</t>
  </si>
  <si>
    <t>KPrn3_4</t>
  </si>
  <si>
    <t>Kubun</t>
  </si>
  <si>
    <t>SubFlag</t>
  </si>
  <si>
    <t>Screen</t>
  </si>
  <si>
    <t>Cflag</t>
  </si>
  <si>
    <t>Fflag</t>
  </si>
  <si>
    <t>Ctime</t>
  </si>
  <si>
    <t>Ftime</t>
  </si>
  <si>
    <t>Yorei</t>
  </si>
  <si>
    <t>FirstOrder</t>
  </si>
  <si>
    <t>PriceFree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1BCAAD8-C4AE-4254-94CA-23256D1DB07C}" name="テーブル1" displayName="テーブル1" ref="A1:E71" totalsRowShown="0">
  <autoFilter ref="A1:E71" xr:uid="{12D4B031-5120-482B-B60B-AFAAB6FBA32B}"/>
  <tableColumns count="5">
    <tableColumn id="1" xr3:uid="{895DF16E-8780-4382-9AB0-AB1969CC4BDF}" name="ID"/>
    <tableColumn id="2" xr3:uid="{F7D187F2-8E8C-427D-9E0B-C261FABC7893}" name="TERMINATOR"/>
    <tableColumn id="3" xr3:uid="{B0E0B627-FF12-48E8-842E-41CFDA2AE257}" name="MAX_LENGTH"/>
    <tableColumn id="4" xr3:uid="{1575DACD-2C50-416C-829A-F66842504DBF}" name="SOURCE"/>
    <tableColumn id="5" xr3:uid="{2952F852-6C52-450C-BCF4-80F1E7DC93AA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I183"/>
  <sheetViews>
    <sheetView workbookViewId="0">
      <selection sqref="A1:AK1"/>
    </sheetView>
  </sheetViews>
  <sheetFormatPr defaultRowHeight="18.75" x14ac:dyDescent="0.4"/>
  <cols>
    <col min="4" max="4" width="15.875" bestFit="1" customWidth="1"/>
  </cols>
  <sheetData>
    <row r="1" spans="1:35" x14ac:dyDescent="0.4">
      <c r="A1" s="2" t="s">
        <v>0</v>
      </c>
      <c r="B1" s="3" t="s">
        <v>1</v>
      </c>
      <c r="C1" s="2" t="s">
        <v>2</v>
      </c>
      <c r="D1" s="3" t="s">
        <v>3</v>
      </c>
      <c r="E1" s="2" t="s">
        <v>4</v>
      </c>
      <c r="F1" s="3" t="s">
        <v>5</v>
      </c>
      <c r="G1" s="2" t="s">
        <v>6</v>
      </c>
      <c r="H1" s="3" t="s">
        <v>7</v>
      </c>
      <c r="I1" s="2" t="s">
        <v>8</v>
      </c>
      <c r="J1" s="3" t="s">
        <v>9</v>
      </c>
      <c r="K1" s="2" t="s">
        <v>10</v>
      </c>
      <c r="L1" s="3" t="s">
        <v>11</v>
      </c>
      <c r="M1" s="2" t="s">
        <v>12</v>
      </c>
      <c r="N1" s="3" t="s">
        <v>13</v>
      </c>
      <c r="O1" s="2" t="s">
        <v>14</v>
      </c>
      <c r="P1" s="3" t="s">
        <v>15</v>
      </c>
      <c r="Q1" s="2" t="s">
        <v>16</v>
      </c>
      <c r="R1" s="3" t="s">
        <v>17</v>
      </c>
      <c r="S1" s="2" t="s">
        <v>18</v>
      </c>
      <c r="T1" s="3" t="s">
        <v>19</v>
      </c>
      <c r="U1" s="2" t="s">
        <v>20</v>
      </c>
      <c r="V1" s="3" t="s">
        <v>21</v>
      </c>
      <c r="W1" s="2" t="s">
        <v>22</v>
      </c>
      <c r="X1" s="3" t="s">
        <v>23</v>
      </c>
      <c r="Y1" s="2" t="s">
        <v>24</v>
      </c>
      <c r="Z1" s="3" t="s">
        <v>25</v>
      </c>
      <c r="AA1" s="2" t="s">
        <v>26</v>
      </c>
      <c r="AB1" s="3" t="s">
        <v>27</v>
      </c>
      <c r="AC1" s="2" t="s">
        <v>28</v>
      </c>
      <c r="AD1" s="3" t="s">
        <v>29</v>
      </c>
      <c r="AE1" s="2" t="s">
        <v>30</v>
      </c>
      <c r="AF1" s="3" t="s">
        <v>31</v>
      </c>
      <c r="AG1" s="2" t="s">
        <v>32</v>
      </c>
      <c r="AH1" s="3" t="s">
        <v>33</v>
      </c>
      <c r="AI1" s="2" t="s">
        <v>34</v>
      </c>
    </row>
    <row r="2" spans="1:35" x14ac:dyDescent="0.4">
      <c r="A2">
        <v>442</v>
      </c>
      <c r="B2">
        <v>440</v>
      </c>
      <c r="C2">
        <v>0</v>
      </c>
      <c r="D2" s="1">
        <v>45114</v>
      </c>
      <c r="E2">
        <v>0</v>
      </c>
      <c r="F2">
        <v>0</v>
      </c>
      <c r="G2">
        <v>0</v>
      </c>
      <c r="H2">
        <v>0</v>
      </c>
      <c r="I2">
        <v>0</v>
      </c>
      <c r="J2">
        <v>0</v>
      </c>
      <c r="K2">
        <v>0</v>
      </c>
      <c r="L2">
        <v>0</v>
      </c>
      <c r="M2">
        <v>0</v>
      </c>
      <c r="N2">
        <v>0</v>
      </c>
      <c r="O2">
        <v>0</v>
      </c>
      <c r="P2">
        <v>0</v>
      </c>
      <c r="Q2">
        <v>0</v>
      </c>
      <c r="R2">
        <v>0</v>
      </c>
      <c r="S2">
        <v>0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0</v>
      </c>
      <c r="AD2">
        <v>0</v>
      </c>
      <c r="AE2">
        <v>0</v>
      </c>
      <c r="AF2">
        <v>0</v>
      </c>
      <c r="AG2">
        <v>0</v>
      </c>
      <c r="AH2">
        <v>0</v>
      </c>
      <c r="AI2">
        <v>0</v>
      </c>
    </row>
    <row r="3" spans="1:35" x14ac:dyDescent="0.4">
      <c r="A3">
        <v>367</v>
      </c>
      <c r="B3">
        <v>364</v>
      </c>
      <c r="C3">
        <v>0</v>
      </c>
      <c r="D3" s="1">
        <v>44296</v>
      </c>
      <c r="E3">
        <v>0</v>
      </c>
      <c r="F3">
        <v>0</v>
      </c>
      <c r="G3">
        <v>440</v>
      </c>
      <c r="H3">
        <v>440</v>
      </c>
      <c r="I3">
        <v>440</v>
      </c>
      <c r="J3">
        <v>0</v>
      </c>
      <c r="K3">
        <v>0</v>
      </c>
      <c r="L3">
        <v>440</v>
      </c>
      <c r="M3">
        <v>440</v>
      </c>
      <c r="N3">
        <v>440</v>
      </c>
      <c r="O3">
        <v>440</v>
      </c>
      <c r="P3">
        <v>0</v>
      </c>
      <c r="Q3">
        <v>0</v>
      </c>
      <c r="R3">
        <v>0</v>
      </c>
      <c r="S3">
        <v>0</v>
      </c>
      <c r="T3">
        <v>0</v>
      </c>
      <c r="U3">
        <v>0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0</v>
      </c>
      <c r="AD3">
        <v>0</v>
      </c>
      <c r="AE3">
        <v>0</v>
      </c>
      <c r="AF3">
        <v>0</v>
      </c>
      <c r="AG3">
        <v>0</v>
      </c>
      <c r="AH3">
        <v>0</v>
      </c>
      <c r="AI3">
        <v>0</v>
      </c>
    </row>
    <row r="4" spans="1:35" x14ac:dyDescent="0.4">
      <c r="A4">
        <v>446</v>
      </c>
      <c r="B4">
        <v>444</v>
      </c>
      <c r="C4">
        <v>0</v>
      </c>
      <c r="D4" s="1">
        <v>45263</v>
      </c>
      <c r="E4">
        <v>0</v>
      </c>
      <c r="F4">
        <v>0</v>
      </c>
      <c r="G4">
        <v>100</v>
      </c>
      <c r="H4">
        <v>100</v>
      </c>
      <c r="I4">
        <v>100</v>
      </c>
      <c r="J4">
        <v>100</v>
      </c>
      <c r="K4">
        <v>100</v>
      </c>
      <c r="L4">
        <v>100</v>
      </c>
      <c r="M4">
        <v>100</v>
      </c>
      <c r="N4">
        <v>100</v>
      </c>
      <c r="O4">
        <v>100</v>
      </c>
      <c r="P4">
        <v>0</v>
      </c>
      <c r="Q4">
        <v>0</v>
      </c>
      <c r="R4">
        <v>0</v>
      </c>
      <c r="S4">
        <v>0</v>
      </c>
      <c r="T4">
        <v>0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0</v>
      </c>
      <c r="AD4">
        <v>0</v>
      </c>
      <c r="AE4">
        <v>0</v>
      </c>
      <c r="AF4">
        <v>0</v>
      </c>
      <c r="AG4">
        <v>0</v>
      </c>
      <c r="AH4">
        <v>0</v>
      </c>
      <c r="AI4">
        <v>0</v>
      </c>
    </row>
    <row r="5" spans="1:35" x14ac:dyDescent="0.4">
      <c r="A5">
        <v>246</v>
      </c>
      <c r="B5">
        <v>243</v>
      </c>
      <c r="C5">
        <v>0</v>
      </c>
      <c r="D5" s="1">
        <v>40325</v>
      </c>
      <c r="E5">
        <v>0</v>
      </c>
      <c r="F5">
        <v>0</v>
      </c>
      <c r="G5">
        <v>528</v>
      </c>
      <c r="H5">
        <v>528</v>
      </c>
      <c r="I5">
        <v>528</v>
      </c>
      <c r="J5">
        <v>528</v>
      </c>
      <c r="K5">
        <v>528</v>
      </c>
      <c r="L5">
        <v>528</v>
      </c>
      <c r="M5">
        <v>528</v>
      </c>
      <c r="N5">
        <v>528</v>
      </c>
      <c r="O5">
        <v>528</v>
      </c>
      <c r="P5">
        <v>0</v>
      </c>
      <c r="Q5">
        <v>0</v>
      </c>
      <c r="R5">
        <v>0</v>
      </c>
      <c r="S5">
        <v>0</v>
      </c>
      <c r="T5">
        <v>0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  <c r="AE5">
        <v>0</v>
      </c>
      <c r="AF5">
        <v>0</v>
      </c>
      <c r="AG5">
        <v>0</v>
      </c>
      <c r="AH5">
        <v>0</v>
      </c>
      <c r="AI5">
        <v>0</v>
      </c>
    </row>
    <row r="6" spans="1:35" x14ac:dyDescent="0.4">
      <c r="A6">
        <v>444</v>
      </c>
      <c r="B6">
        <v>442</v>
      </c>
      <c r="C6">
        <v>0</v>
      </c>
      <c r="D6" s="1">
        <v>45118</v>
      </c>
      <c r="E6">
        <v>0</v>
      </c>
      <c r="F6">
        <v>0</v>
      </c>
      <c r="G6">
        <v>638</v>
      </c>
      <c r="H6">
        <v>638</v>
      </c>
      <c r="I6">
        <v>638</v>
      </c>
      <c r="J6">
        <v>638</v>
      </c>
      <c r="K6">
        <v>638</v>
      </c>
      <c r="L6">
        <v>638</v>
      </c>
      <c r="M6">
        <v>638</v>
      </c>
      <c r="N6">
        <v>638</v>
      </c>
      <c r="O6">
        <v>638</v>
      </c>
      <c r="P6">
        <v>0</v>
      </c>
      <c r="Q6">
        <v>0</v>
      </c>
      <c r="R6">
        <v>0</v>
      </c>
      <c r="S6">
        <v>0</v>
      </c>
      <c r="T6">
        <v>0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0</v>
      </c>
      <c r="AD6">
        <v>0</v>
      </c>
      <c r="AE6">
        <v>0</v>
      </c>
      <c r="AF6">
        <v>0</v>
      </c>
      <c r="AG6">
        <v>0</v>
      </c>
      <c r="AH6">
        <v>0</v>
      </c>
      <c r="AI6">
        <v>0</v>
      </c>
    </row>
    <row r="7" spans="1:35" x14ac:dyDescent="0.4">
      <c r="A7">
        <v>381</v>
      </c>
      <c r="B7">
        <v>378</v>
      </c>
      <c r="C7">
        <v>0</v>
      </c>
      <c r="D7" s="1">
        <v>44399</v>
      </c>
      <c r="E7">
        <v>0</v>
      </c>
      <c r="F7">
        <v>0</v>
      </c>
      <c r="G7">
        <v>385</v>
      </c>
      <c r="H7">
        <v>385</v>
      </c>
      <c r="I7">
        <v>385</v>
      </c>
      <c r="J7">
        <v>0</v>
      </c>
      <c r="K7">
        <v>0</v>
      </c>
      <c r="L7">
        <v>385</v>
      </c>
      <c r="M7">
        <v>385</v>
      </c>
      <c r="N7">
        <v>385</v>
      </c>
      <c r="O7">
        <v>385</v>
      </c>
      <c r="P7">
        <v>0</v>
      </c>
      <c r="Q7">
        <v>0</v>
      </c>
      <c r="R7">
        <v>0</v>
      </c>
      <c r="S7">
        <v>0</v>
      </c>
      <c r="T7">
        <v>0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  <c r="AE7">
        <v>0</v>
      </c>
      <c r="AF7">
        <v>0</v>
      </c>
      <c r="AG7">
        <v>0</v>
      </c>
      <c r="AH7">
        <v>0</v>
      </c>
      <c r="AI7">
        <v>0</v>
      </c>
    </row>
    <row r="8" spans="1:35" x14ac:dyDescent="0.4">
      <c r="A8">
        <v>187</v>
      </c>
      <c r="B8">
        <v>184</v>
      </c>
      <c r="C8">
        <v>0</v>
      </c>
      <c r="D8" s="1">
        <v>40316</v>
      </c>
      <c r="E8">
        <v>0</v>
      </c>
      <c r="F8">
        <v>0</v>
      </c>
      <c r="G8">
        <v>0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0</v>
      </c>
      <c r="O8">
        <v>0</v>
      </c>
      <c r="P8">
        <v>0</v>
      </c>
      <c r="Q8">
        <v>0</v>
      </c>
      <c r="R8">
        <v>0</v>
      </c>
      <c r="S8">
        <v>0</v>
      </c>
      <c r="T8">
        <v>0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  <c r="AE8">
        <v>0</v>
      </c>
      <c r="AF8">
        <v>0</v>
      </c>
      <c r="AG8">
        <v>0</v>
      </c>
      <c r="AH8">
        <v>0</v>
      </c>
      <c r="AI8">
        <v>0</v>
      </c>
    </row>
    <row r="9" spans="1:35" x14ac:dyDescent="0.4">
      <c r="A9">
        <v>8</v>
      </c>
      <c r="B9">
        <v>9</v>
      </c>
      <c r="C9">
        <v>0</v>
      </c>
      <c r="D9" s="1">
        <v>39737</v>
      </c>
      <c r="E9">
        <v>0</v>
      </c>
      <c r="F9">
        <v>0</v>
      </c>
      <c r="G9">
        <v>495</v>
      </c>
      <c r="H9">
        <v>495</v>
      </c>
      <c r="I9">
        <v>495</v>
      </c>
      <c r="J9">
        <v>495</v>
      </c>
      <c r="K9">
        <v>495</v>
      </c>
      <c r="L9">
        <v>495</v>
      </c>
      <c r="M9">
        <v>495</v>
      </c>
      <c r="N9">
        <v>495</v>
      </c>
      <c r="O9">
        <v>495</v>
      </c>
      <c r="P9">
        <v>0</v>
      </c>
      <c r="Q9">
        <v>0</v>
      </c>
      <c r="R9">
        <v>0</v>
      </c>
      <c r="S9">
        <v>0</v>
      </c>
      <c r="T9">
        <v>0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30000000</v>
      </c>
      <c r="AE9">
        <v>0</v>
      </c>
      <c r="AF9">
        <v>0</v>
      </c>
      <c r="AG9">
        <v>0</v>
      </c>
      <c r="AH9">
        <v>0</v>
      </c>
      <c r="AI9">
        <v>0</v>
      </c>
    </row>
    <row r="10" spans="1:35" x14ac:dyDescent="0.4">
      <c r="A10">
        <v>9</v>
      </c>
      <c r="B10">
        <v>10</v>
      </c>
      <c r="C10">
        <v>0</v>
      </c>
      <c r="D10" s="1">
        <v>39737</v>
      </c>
      <c r="E10">
        <v>0</v>
      </c>
      <c r="F10">
        <v>0</v>
      </c>
      <c r="G10">
        <v>495</v>
      </c>
      <c r="H10">
        <v>495</v>
      </c>
      <c r="I10">
        <v>495</v>
      </c>
      <c r="J10">
        <v>495</v>
      </c>
      <c r="K10">
        <v>495</v>
      </c>
      <c r="L10">
        <v>495</v>
      </c>
      <c r="M10">
        <v>495</v>
      </c>
      <c r="N10">
        <v>495</v>
      </c>
      <c r="O10">
        <v>495</v>
      </c>
      <c r="P10">
        <v>0</v>
      </c>
      <c r="Q10">
        <v>0</v>
      </c>
      <c r="R10">
        <v>0</v>
      </c>
      <c r="S10">
        <v>0</v>
      </c>
      <c r="T10">
        <v>0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  <c r="AE10">
        <v>0</v>
      </c>
      <c r="AF10">
        <v>0</v>
      </c>
      <c r="AG10">
        <v>0</v>
      </c>
      <c r="AH10">
        <v>0</v>
      </c>
      <c r="AI10">
        <v>0</v>
      </c>
    </row>
    <row r="11" spans="1:35" x14ac:dyDescent="0.4">
      <c r="A11">
        <v>10</v>
      </c>
      <c r="B11">
        <v>11</v>
      </c>
      <c r="C11">
        <v>0</v>
      </c>
      <c r="D11" s="1">
        <v>39737</v>
      </c>
      <c r="E11">
        <v>0</v>
      </c>
      <c r="F11">
        <v>0</v>
      </c>
      <c r="G11">
        <v>605</v>
      </c>
      <c r="H11">
        <v>605</v>
      </c>
      <c r="I11">
        <v>605</v>
      </c>
      <c r="J11">
        <v>605</v>
      </c>
      <c r="K11">
        <v>605</v>
      </c>
      <c r="L11">
        <v>605</v>
      </c>
      <c r="M11">
        <v>605</v>
      </c>
      <c r="N11">
        <v>605</v>
      </c>
      <c r="O11">
        <v>605</v>
      </c>
      <c r="P11">
        <v>0</v>
      </c>
      <c r="Q11">
        <v>0</v>
      </c>
      <c r="R11">
        <v>0</v>
      </c>
      <c r="S11">
        <v>0</v>
      </c>
      <c r="T11">
        <v>0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80000000</v>
      </c>
      <c r="AE11">
        <v>0</v>
      </c>
      <c r="AF11">
        <v>0</v>
      </c>
      <c r="AG11">
        <v>0</v>
      </c>
      <c r="AH11">
        <v>0</v>
      </c>
      <c r="AI11">
        <v>0</v>
      </c>
    </row>
    <row r="12" spans="1:35" x14ac:dyDescent="0.4">
      <c r="A12">
        <v>11</v>
      </c>
      <c r="B12">
        <v>12</v>
      </c>
      <c r="C12">
        <v>0</v>
      </c>
      <c r="D12" s="1">
        <v>39737</v>
      </c>
      <c r="E12">
        <v>0</v>
      </c>
      <c r="F12">
        <v>0</v>
      </c>
      <c r="G12">
        <v>605</v>
      </c>
      <c r="H12">
        <v>605</v>
      </c>
      <c r="I12">
        <v>605</v>
      </c>
      <c r="J12">
        <v>605</v>
      </c>
      <c r="K12">
        <v>605</v>
      </c>
      <c r="L12">
        <v>605</v>
      </c>
      <c r="M12">
        <v>605</v>
      </c>
      <c r="N12">
        <v>605</v>
      </c>
      <c r="O12">
        <v>605</v>
      </c>
      <c r="P12">
        <v>0</v>
      </c>
      <c r="Q12">
        <v>0</v>
      </c>
      <c r="R12">
        <v>0</v>
      </c>
      <c r="S12">
        <v>0</v>
      </c>
      <c r="T12">
        <v>0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  <c r="AE12">
        <v>0</v>
      </c>
      <c r="AF12">
        <v>0</v>
      </c>
      <c r="AG12">
        <v>0</v>
      </c>
      <c r="AH12">
        <v>0</v>
      </c>
      <c r="AI12">
        <v>0</v>
      </c>
    </row>
    <row r="13" spans="1:35" x14ac:dyDescent="0.4">
      <c r="A13">
        <v>445</v>
      </c>
      <c r="B13">
        <v>443</v>
      </c>
      <c r="C13">
        <v>0</v>
      </c>
      <c r="D13" s="1">
        <v>45120</v>
      </c>
      <c r="E13">
        <v>0</v>
      </c>
      <c r="F13">
        <v>0</v>
      </c>
      <c r="G13">
        <v>220</v>
      </c>
      <c r="H13">
        <v>220</v>
      </c>
      <c r="I13">
        <v>220</v>
      </c>
      <c r="J13">
        <v>220</v>
      </c>
      <c r="K13">
        <v>220</v>
      </c>
      <c r="L13">
        <v>220</v>
      </c>
      <c r="M13">
        <v>220</v>
      </c>
      <c r="N13">
        <v>220</v>
      </c>
      <c r="O13">
        <v>220</v>
      </c>
      <c r="P13">
        <v>0</v>
      </c>
      <c r="Q13">
        <v>0</v>
      </c>
      <c r="R13">
        <v>0</v>
      </c>
      <c r="S13">
        <v>0</v>
      </c>
      <c r="T13">
        <v>0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  <c r="AE13">
        <v>0</v>
      </c>
      <c r="AF13">
        <v>0</v>
      </c>
      <c r="AG13">
        <v>0</v>
      </c>
      <c r="AH13">
        <v>0</v>
      </c>
      <c r="AI13">
        <v>0</v>
      </c>
    </row>
    <row r="14" spans="1:35" x14ac:dyDescent="0.4">
      <c r="A14">
        <v>13</v>
      </c>
      <c r="B14">
        <v>16</v>
      </c>
      <c r="C14">
        <v>0</v>
      </c>
      <c r="D14" s="1">
        <v>39752</v>
      </c>
      <c r="E14">
        <v>0</v>
      </c>
      <c r="F14">
        <v>0</v>
      </c>
      <c r="G14">
        <v>528</v>
      </c>
      <c r="H14">
        <v>528</v>
      </c>
      <c r="I14">
        <v>528</v>
      </c>
      <c r="J14">
        <v>528</v>
      </c>
      <c r="K14">
        <v>528</v>
      </c>
      <c r="L14">
        <v>528</v>
      </c>
      <c r="M14">
        <v>528</v>
      </c>
      <c r="N14">
        <v>528</v>
      </c>
      <c r="O14">
        <v>528</v>
      </c>
      <c r="P14">
        <v>0</v>
      </c>
      <c r="Q14">
        <v>0</v>
      </c>
      <c r="R14">
        <v>0</v>
      </c>
      <c r="S14">
        <v>0</v>
      </c>
      <c r="T14">
        <v>0</v>
      </c>
      <c r="U14">
        <v>0</v>
      </c>
      <c r="V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  <c r="AC14">
        <v>0</v>
      </c>
      <c r="AD14">
        <v>0</v>
      </c>
      <c r="AE14">
        <v>0</v>
      </c>
      <c r="AF14">
        <v>0</v>
      </c>
      <c r="AG14">
        <v>0</v>
      </c>
      <c r="AH14">
        <v>0</v>
      </c>
      <c r="AI14">
        <v>0</v>
      </c>
    </row>
    <row r="15" spans="1:35" x14ac:dyDescent="0.4">
      <c r="A15">
        <v>188</v>
      </c>
      <c r="B15">
        <v>185</v>
      </c>
      <c r="C15">
        <v>0</v>
      </c>
      <c r="D15" s="1">
        <v>40316</v>
      </c>
      <c r="E15">
        <v>0</v>
      </c>
      <c r="F15">
        <v>0</v>
      </c>
      <c r="G15">
        <v>440</v>
      </c>
      <c r="H15">
        <v>440</v>
      </c>
      <c r="I15">
        <v>440</v>
      </c>
      <c r="J15">
        <v>0</v>
      </c>
      <c r="K15">
        <v>0</v>
      </c>
      <c r="L15">
        <v>440</v>
      </c>
      <c r="M15">
        <v>440</v>
      </c>
      <c r="N15">
        <v>440</v>
      </c>
      <c r="O15">
        <v>440</v>
      </c>
      <c r="P15">
        <v>0</v>
      </c>
      <c r="Q15">
        <v>0</v>
      </c>
      <c r="R15">
        <v>0</v>
      </c>
      <c r="S15">
        <v>0</v>
      </c>
      <c r="T15">
        <v>0</v>
      </c>
      <c r="U15">
        <v>0</v>
      </c>
      <c r="V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  <c r="AC15">
        <v>0</v>
      </c>
      <c r="AD15">
        <v>0</v>
      </c>
      <c r="AE15">
        <v>0</v>
      </c>
      <c r="AF15">
        <v>0</v>
      </c>
      <c r="AG15">
        <v>0</v>
      </c>
      <c r="AH15">
        <v>0</v>
      </c>
      <c r="AI15">
        <v>0</v>
      </c>
    </row>
    <row r="16" spans="1:35" x14ac:dyDescent="0.4">
      <c r="A16">
        <v>189</v>
      </c>
      <c r="B16">
        <v>186</v>
      </c>
      <c r="C16">
        <v>0</v>
      </c>
      <c r="D16" s="1">
        <v>40316</v>
      </c>
      <c r="E16">
        <v>0</v>
      </c>
      <c r="F16">
        <v>0</v>
      </c>
      <c r="G16">
        <v>440</v>
      </c>
      <c r="H16">
        <v>440</v>
      </c>
      <c r="I16">
        <v>440</v>
      </c>
      <c r="J16">
        <v>0</v>
      </c>
      <c r="K16">
        <v>0</v>
      </c>
      <c r="L16">
        <v>440</v>
      </c>
      <c r="M16">
        <v>440</v>
      </c>
      <c r="N16">
        <v>440</v>
      </c>
      <c r="O16">
        <v>440</v>
      </c>
      <c r="P16">
        <v>0</v>
      </c>
      <c r="Q16">
        <v>0</v>
      </c>
      <c r="R16">
        <v>0</v>
      </c>
      <c r="S16">
        <v>0</v>
      </c>
      <c r="T16">
        <v>0</v>
      </c>
      <c r="U16">
        <v>0</v>
      </c>
      <c r="V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  <c r="AC16">
        <v>0</v>
      </c>
      <c r="AD16">
        <v>0</v>
      </c>
      <c r="AE16">
        <v>0</v>
      </c>
      <c r="AF16">
        <v>0</v>
      </c>
      <c r="AG16">
        <v>0</v>
      </c>
      <c r="AH16">
        <v>0</v>
      </c>
      <c r="AI16">
        <v>0</v>
      </c>
    </row>
    <row r="17" spans="1:35" x14ac:dyDescent="0.4">
      <c r="A17">
        <v>190</v>
      </c>
      <c r="B17">
        <v>187</v>
      </c>
      <c r="C17">
        <v>0</v>
      </c>
      <c r="D17" s="1">
        <v>40316</v>
      </c>
      <c r="E17">
        <v>0</v>
      </c>
      <c r="F17">
        <v>0</v>
      </c>
      <c r="G17">
        <v>440</v>
      </c>
      <c r="H17">
        <v>440</v>
      </c>
      <c r="I17">
        <v>440</v>
      </c>
      <c r="J17">
        <v>0</v>
      </c>
      <c r="K17">
        <v>0</v>
      </c>
      <c r="L17">
        <v>440</v>
      </c>
      <c r="M17">
        <v>440</v>
      </c>
      <c r="N17">
        <v>440</v>
      </c>
      <c r="O17">
        <v>440</v>
      </c>
      <c r="P17">
        <v>0</v>
      </c>
      <c r="Q17">
        <v>0</v>
      </c>
      <c r="R17">
        <v>0</v>
      </c>
      <c r="S17">
        <v>0</v>
      </c>
      <c r="T17">
        <v>0</v>
      </c>
      <c r="U17">
        <v>0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  <c r="AC17">
        <v>0</v>
      </c>
      <c r="AD17">
        <v>0</v>
      </c>
      <c r="AE17">
        <v>0</v>
      </c>
      <c r="AF17">
        <v>0</v>
      </c>
      <c r="AG17">
        <v>0</v>
      </c>
      <c r="AH17">
        <v>0</v>
      </c>
      <c r="AI17">
        <v>0</v>
      </c>
    </row>
    <row r="18" spans="1:35" x14ac:dyDescent="0.4">
      <c r="A18">
        <v>191</v>
      </c>
      <c r="B18">
        <v>188</v>
      </c>
      <c r="C18">
        <v>0</v>
      </c>
      <c r="D18" s="1">
        <v>40316</v>
      </c>
      <c r="E18">
        <v>0</v>
      </c>
      <c r="F18">
        <v>0</v>
      </c>
      <c r="G18">
        <v>440</v>
      </c>
      <c r="H18">
        <v>440</v>
      </c>
      <c r="I18">
        <v>440</v>
      </c>
      <c r="J18">
        <v>0</v>
      </c>
      <c r="K18">
        <v>0</v>
      </c>
      <c r="L18">
        <v>440</v>
      </c>
      <c r="M18">
        <v>440</v>
      </c>
      <c r="N18">
        <v>440</v>
      </c>
      <c r="O18">
        <v>440</v>
      </c>
      <c r="P18">
        <v>0</v>
      </c>
      <c r="Q18">
        <v>0</v>
      </c>
      <c r="R18">
        <v>0</v>
      </c>
      <c r="S18">
        <v>0</v>
      </c>
      <c r="T18">
        <v>0</v>
      </c>
      <c r="U18">
        <v>0</v>
      </c>
      <c r="V18">
        <v>0</v>
      </c>
      <c r="W18">
        <v>0</v>
      </c>
      <c r="X18">
        <v>0</v>
      </c>
      <c r="Y18">
        <v>0</v>
      </c>
      <c r="Z18">
        <v>0</v>
      </c>
      <c r="AA18">
        <v>0</v>
      </c>
      <c r="AB18">
        <v>0</v>
      </c>
      <c r="AC18">
        <v>0</v>
      </c>
      <c r="AD18">
        <v>0</v>
      </c>
      <c r="AE18">
        <v>0</v>
      </c>
      <c r="AF18">
        <v>0</v>
      </c>
      <c r="AG18">
        <v>0</v>
      </c>
      <c r="AH18">
        <v>0</v>
      </c>
      <c r="AI18">
        <v>0</v>
      </c>
    </row>
    <row r="19" spans="1:35" x14ac:dyDescent="0.4">
      <c r="A19">
        <v>24</v>
      </c>
      <c r="B19">
        <v>407</v>
      </c>
      <c r="C19">
        <v>0</v>
      </c>
      <c r="D19" s="1">
        <v>39994</v>
      </c>
      <c r="E19">
        <v>0</v>
      </c>
      <c r="F19">
        <v>0</v>
      </c>
      <c r="G19">
        <v>0</v>
      </c>
      <c r="H19">
        <v>0</v>
      </c>
      <c r="I19">
        <v>0</v>
      </c>
      <c r="J19">
        <v>0</v>
      </c>
      <c r="K19">
        <v>0</v>
      </c>
      <c r="L19">
        <v>0</v>
      </c>
      <c r="M19">
        <v>0</v>
      </c>
      <c r="N19">
        <v>0</v>
      </c>
      <c r="O19">
        <v>0</v>
      </c>
      <c r="P19">
        <v>0</v>
      </c>
      <c r="Q19">
        <v>0</v>
      </c>
      <c r="R19">
        <v>0</v>
      </c>
      <c r="S19">
        <v>0</v>
      </c>
      <c r="T19">
        <v>0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0</v>
      </c>
      <c r="AD19">
        <v>0</v>
      </c>
      <c r="AE19">
        <v>0</v>
      </c>
      <c r="AF19">
        <v>0</v>
      </c>
      <c r="AG19">
        <v>0</v>
      </c>
      <c r="AH19">
        <v>0</v>
      </c>
      <c r="AI19">
        <v>0</v>
      </c>
    </row>
    <row r="20" spans="1:35" x14ac:dyDescent="0.4">
      <c r="A20">
        <v>383</v>
      </c>
      <c r="B20">
        <v>380</v>
      </c>
      <c r="C20">
        <v>0</v>
      </c>
      <c r="D20" s="1">
        <v>44419</v>
      </c>
      <c r="E20">
        <v>0</v>
      </c>
      <c r="F20">
        <v>0</v>
      </c>
      <c r="G20">
        <v>440</v>
      </c>
      <c r="H20">
        <v>440</v>
      </c>
      <c r="I20">
        <v>0</v>
      </c>
      <c r="J20">
        <v>0</v>
      </c>
      <c r="K20">
        <v>0</v>
      </c>
      <c r="L20">
        <v>440</v>
      </c>
      <c r="M20">
        <v>440</v>
      </c>
      <c r="N20">
        <v>440</v>
      </c>
      <c r="O20">
        <v>440</v>
      </c>
      <c r="P20">
        <v>0</v>
      </c>
      <c r="Q20">
        <v>0</v>
      </c>
      <c r="R20">
        <v>0</v>
      </c>
      <c r="S20">
        <v>0</v>
      </c>
      <c r="T20">
        <v>0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0</v>
      </c>
      <c r="AD20">
        <v>0</v>
      </c>
      <c r="AE20">
        <v>0</v>
      </c>
      <c r="AF20">
        <v>0</v>
      </c>
      <c r="AG20">
        <v>0</v>
      </c>
      <c r="AH20">
        <v>0</v>
      </c>
      <c r="AI20">
        <v>0</v>
      </c>
    </row>
    <row r="21" spans="1:35" x14ac:dyDescent="0.4">
      <c r="A21">
        <v>384</v>
      </c>
      <c r="B21">
        <v>381</v>
      </c>
      <c r="C21">
        <v>0</v>
      </c>
      <c r="D21" s="1">
        <v>44419</v>
      </c>
      <c r="E21">
        <v>0</v>
      </c>
      <c r="F21">
        <v>0</v>
      </c>
      <c r="G21">
        <v>440</v>
      </c>
      <c r="H21">
        <v>440</v>
      </c>
      <c r="I21">
        <v>0</v>
      </c>
      <c r="J21">
        <v>0</v>
      </c>
      <c r="K21">
        <v>0</v>
      </c>
      <c r="L21">
        <v>440</v>
      </c>
      <c r="M21">
        <v>440</v>
      </c>
      <c r="N21">
        <v>440</v>
      </c>
      <c r="O21">
        <v>440</v>
      </c>
      <c r="P21">
        <v>0</v>
      </c>
      <c r="Q21">
        <v>0</v>
      </c>
      <c r="R21">
        <v>0</v>
      </c>
      <c r="S21">
        <v>0</v>
      </c>
      <c r="T21">
        <v>0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0</v>
      </c>
      <c r="AD21">
        <v>0</v>
      </c>
      <c r="AE21">
        <v>0</v>
      </c>
      <c r="AF21">
        <v>0</v>
      </c>
      <c r="AG21">
        <v>0</v>
      </c>
      <c r="AH21">
        <v>0</v>
      </c>
      <c r="AI21">
        <v>0</v>
      </c>
    </row>
    <row r="22" spans="1:35" x14ac:dyDescent="0.4">
      <c r="A22">
        <v>388</v>
      </c>
      <c r="B22">
        <v>385</v>
      </c>
      <c r="C22">
        <v>0</v>
      </c>
      <c r="D22" s="1">
        <v>44430</v>
      </c>
      <c r="E22">
        <v>0</v>
      </c>
      <c r="F22">
        <v>0</v>
      </c>
      <c r="G22">
        <v>385</v>
      </c>
      <c r="H22">
        <v>385</v>
      </c>
      <c r="I22">
        <v>385</v>
      </c>
      <c r="J22">
        <v>0</v>
      </c>
      <c r="K22">
        <v>0</v>
      </c>
      <c r="L22">
        <v>385</v>
      </c>
      <c r="M22">
        <v>385</v>
      </c>
      <c r="N22">
        <v>385</v>
      </c>
      <c r="O22">
        <v>385</v>
      </c>
      <c r="P22">
        <v>0</v>
      </c>
      <c r="Q22">
        <v>0</v>
      </c>
      <c r="R22">
        <v>0</v>
      </c>
      <c r="S22">
        <v>0</v>
      </c>
      <c r="T22">
        <v>0</v>
      </c>
      <c r="U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0</v>
      </c>
      <c r="AD22">
        <v>0</v>
      </c>
      <c r="AE22">
        <v>0</v>
      </c>
      <c r="AF22">
        <v>0</v>
      </c>
      <c r="AG22">
        <v>0</v>
      </c>
      <c r="AH22">
        <v>0</v>
      </c>
      <c r="AI22">
        <v>0</v>
      </c>
    </row>
    <row r="23" spans="1:35" x14ac:dyDescent="0.4">
      <c r="A23">
        <v>368</v>
      </c>
      <c r="B23">
        <v>365</v>
      </c>
      <c r="C23">
        <v>0</v>
      </c>
      <c r="D23" s="1">
        <v>44307</v>
      </c>
      <c r="E23">
        <v>0</v>
      </c>
      <c r="F23">
        <v>0</v>
      </c>
      <c r="G23">
        <v>385</v>
      </c>
      <c r="H23">
        <v>385</v>
      </c>
      <c r="I23">
        <v>385</v>
      </c>
      <c r="J23">
        <v>0</v>
      </c>
      <c r="K23">
        <v>0</v>
      </c>
      <c r="L23">
        <v>385</v>
      </c>
      <c r="M23">
        <v>385</v>
      </c>
      <c r="N23">
        <v>385</v>
      </c>
      <c r="O23">
        <v>385</v>
      </c>
      <c r="P23">
        <v>0</v>
      </c>
      <c r="Q23">
        <v>0</v>
      </c>
      <c r="R23">
        <v>0</v>
      </c>
      <c r="S23">
        <v>0</v>
      </c>
      <c r="T23">
        <v>0</v>
      </c>
      <c r="U23">
        <v>0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0</v>
      </c>
      <c r="AD23">
        <v>0</v>
      </c>
      <c r="AE23">
        <v>0</v>
      </c>
      <c r="AF23">
        <v>0</v>
      </c>
      <c r="AG23">
        <v>0</v>
      </c>
      <c r="AH23">
        <v>0</v>
      </c>
      <c r="AI23">
        <v>0</v>
      </c>
    </row>
    <row r="24" spans="1:35" x14ac:dyDescent="0.4">
      <c r="A24">
        <v>373</v>
      </c>
      <c r="B24">
        <v>370</v>
      </c>
      <c r="C24">
        <v>0</v>
      </c>
      <c r="D24" s="1">
        <v>44399</v>
      </c>
      <c r="E24">
        <v>0</v>
      </c>
      <c r="F24">
        <v>0</v>
      </c>
      <c r="G24">
        <v>550</v>
      </c>
      <c r="H24">
        <v>550</v>
      </c>
      <c r="I24">
        <v>550</v>
      </c>
      <c r="J24">
        <v>550</v>
      </c>
      <c r="K24">
        <v>0</v>
      </c>
      <c r="L24">
        <v>550</v>
      </c>
      <c r="M24">
        <v>550</v>
      </c>
      <c r="N24">
        <v>550</v>
      </c>
      <c r="O24">
        <v>550</v>
      </c>
      <c r="P24">
        <v>0</v>
      </c>
      <c r="Q24">
        <v>0</v>
      </c>
      <c r="R24">
        <v>0</v>
      </c>
      <c r="S24">
        <v>0</v>
      </c>
      <c r="T24">
        <v>0</v>
      </c>
      <c r="U24">
        <v>0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0</v>
      </c>
      <c r="AD24">
        <v>0</v>
      </c>
      <c r="AE24">
        <v>0</v>
      </c>
      <c r="AF24">
        <v>0</v>
      </c>
      <c r="AG24">
        <v>0</v>
      </c>
      <c r="AH24">
        <v>0</v>
      </c>
      <c r="AI24">
        <v>0</v>
      </c>
    </row>
    <row r="25" spans="1:35" x14ac:dyDescent="0.4">
      <c r="A25">
        <v>313</v>
      </c>
      <c r="B25">
        <v>310</v>
      </c>
      <c r="C25">
        <v>0</v>
      </c>
      <c r="D25" s="1">
        <v>42035</v>
      </c>
      <c r="E25">
        <v>0</v>
      </c>
      <c r="F25">
        <v>0</v>
      </c>
      <c r="G25">
        <v>550</v>
      </c>
      <c r="H25">
        <v>550</v>
      </c>
      <c r="I25">
        <v>550</v>
      </c>
      <c r="J25">
        <v>550</v>
      </c>
      <c r="K25">
        <v>550</v>
      </c>
      <c r="L25">
        <v>550</v>
      </c>
      <c r="M25">
        <v>550</v>
      </c>
      <c r="N25">
        <v>550</v>
      </c>
      <c r="O25">
        <v>550</v>
      </c>
      <c r="P25">
        <v>0</v>
      </c>
      <c r="Q25">
        <v>0</v>
      </c>
      <c r="R25">
        <v>0</v>
      </c>
      <c r="S25">
        <v>0</v>
      </c>
      <c r="T25">
        <v>0</v>
      </c>
      <c r="U25">
        <v>0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0</v>
      </c>
      <c r="AD25">
        <v>0</v>
      </c>
      <c r="AE25">
        <v>0</v>
      </c>
      <c r="AF25">
        <v>0</v>
      </c>
      <c r="AG25">
        <v>0</v>
      </c>
      <c r="AH25">
        <v>0</v>
      </c>
      <c r="AI25">
        <v>0</v>
      </c>
    </row>
    <row r="26" spans="1:35" x14ac:dyDescent="0.4">
      <c r="A26">
        <v>315</v>
      </c>
      <c r="B26">
        <v>312</v>
      </c>
      <c r="C26">
        <v>0</v>
      </c>
      <c r="D26" s="1">
        <v>42035</v>
      </c>
      <c r="E26">
        <v>0</v>
      </c>
      <c r="F26">
        <v>0</v>
      </c>
      <c r="G26">
        <v>418</v>
      </c>
      <c r="H26">
        <v>418</v>
      </c>
      <c r="I26">
        <v>418</v>
      </c>
      <c r="J26">
        <v>418</v>
      </c>
      <c r="K26">
        <v>418</v>
      </c>
      <c r="L26">
        <v>418</v>
      </c>
      <c r="M26">
        <v>418</v>
      </c>
      <c r="N26">
        <v>418</v>
      </c>
      <c r="O26">
        <v>418</v>
      </c>
      <c r="P26">
        <v>0</v>
      </c>
      <c r="Q26">
        <v>0</v>
      </c>
      <c r="R26">
        <v>0</v>
      </c>
      <c r="S26">
        <v>0</v>
      </c>
      <c r="T26">
        <v>0</v>
      </c>
      <c r="U26">
        <v>0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0</v>
      </c>
      <c r="AD26">
        <v>0</v>
      </c>
      <c r="AE26">
        <v>0</v>
      </c>
      <c r="AF26">
        <v>0</v>
      </c>
      <c r="AG26">
        <v>0</v>
      </c>
      <c r="AH26">
        <v>0</v>
      </c>
      <c r="AI26">
        <v>0</v>
      </c>
    </row>
    <row r="27" spans="1:35" x14ac:dyDescent="0.4">
      <c r="A27">
        <v>371</v>
      </c>
      <c r="B27">
        <v>368</v>
      </c>
      <c r="C27">
        <v>0</v>
      </c>
      <c r="D27" s="1">
        <v>44393</v>
      </c>
      <c r="E27">
        <v>0</v>
      </c>
      <c r="F27">
        <v>0</v>
      </c>
      <c r="G27">
        <v>440</v>
      </c>
      <c r="H27">
        <v>440</v>
      </c>
      <c r="I27">
        <v>0</v>
      </c>
      <c r="J27">
        <v>0</v>
      </c>
      <c r="K27">
        <v>0</v>
      </c>
      <c r="L27">
        <v>440</v>
      </c>
      <c r="M27">
        <v>440</v>
      </c>
      <c r="N27">
        <v>440</v>
      </c>
      <c r="O27">
        <v>440</v>
      </c>
      <c r="P27">
        <v>0</v>
      </c>
      <c r="Q27">
        <v>0</v>
      </c>
      <c r="R27">
        <v>0</v>
      </c>
      <c r="S27">
        <v>0</v>
      </c>
      <c r="T27">
        <v>0</v>
      </c>
      <c r="U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0</v>
      </c>
      <c r="AD27">
        <v>0</v>
      </c>
      <c r="AE27">
        <v>0</v>
      </c>
      <c r="AF27">
        <v>0</v>
      </c>
      <c r="AG27">
        <v>0</v>
      </c>
      <c r="AH27">
        <v>0</v>
      </c>
      <c r="AI27">
        <v>0</v>
      </c>
    </row>
    <row r="28" spans="1:35" x14ac:dyDescent="0.4">
      <c r="A28">
        <v>318</v>
      </c>
      <c r="B28">
        <v>315</v>
      </c>
      <c r="C28">
        <v>0</v>
      </c>
      <c r="D28" s="1">
        <v>42249</v>
      </c>
      <c r="E28">
        <v>0</v>
      </c>
      <c r="F28">
        <v>0</v>
      </c>
      <c r="G28">
        <v>550</v>
      </c>
      <c r="H28">
        <v>550</v>
      </c>
      <c r="I28">
        <v>550</v>
      </c>
      <c r="J28">
        <v>0</v>
      </c>
      <c r="K28">
        <v>0</v>
      </c>
      <c r="L28">
        <v>550</v>
      </c>
      <c r="M28">
        <v>550</v>
      </c>
      <c r="N28">
        <v>550</v>
      </c>
      <c r="O28">
        <v>550</v>
      </c>
      <c r="P28">
        <v>0</v>
      </c>
      <c r="Q28">
        <v>0</v>
      </c>
      <c r="R28">
        <v>0</v>
      </c>
      <c r="S28">
        <v>0</v>
      </c>
      <c r="T28">
        <v>0</v>
      </c>
      <c r="U28">
        <v>0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0</v>
      </c>
      <c r="AD28">
        <v>0</v>
      </c>
      <c r="AE28">
        <v>0</v>
      </c>
      <c r="AF28">
        <v>0</v>
      </c>
      <c r="AG28">
        <v>0</v>
      </c>
      <c r="AH28">
        <v>0</v>
      </c>
      <c r="AI28">
        <v>0</v>
      </c>
    </row>
    <row r="29" spans="1:35" x14ac:dyDescent="0.4">
      <c r="A29">
        <v>319</v>
      </c>
      <c r="B29">
        <v>316</v>
      </c>
      <c r="C29">
        <v>0</v>
      </c>
      <c r="D29" s="1">
        <v>42249</v>
      </c>
      <c r="E29">
        <v>0</v>
      </c>
      <c r="F29">
        <v>0</v>
      </c>
      <c r="G29">
        <v>550</v>
      </c>
      <c r="H29">
        <v>550</v>
      </c>
      <c r="I29">
        <v>550</v>
      </c>
      <c r="J29">
        <v>0</v>
      </c>
      <c r="K29">
        <v>0</v>
      </c>
      <c r="L29">
        <v>550</v>
      </c>
      <c r="M29">
        <v>550</v>
      </c>
      <c r="N29">
        <v>550</v>
      </c>
      <c r="O29">
        <v>550</v>
      </c>
      <c r="P29">
        <v>0</v>
      </c>
      <c r="Q29">
        <v>0</v>
      </c>
      <c r="R29">
        <v>0</v>
      </c>
      <c r="S29">
        <v>0</v>
      </c>
      <c r="T29">
        <v>0</v>
      </c>
      <c r="U29">
        <v>0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0</v>
      </c>
      <c r="AD29">
        <v>0</v>
      </c>
      <c r="AE29">
        <v>0</v>
      </c>
      <c r="AF29">
        <v>0</v>
      </c>
      <c r="AG29">
        <v>0</v>
      </c>
      <c r="AH29">
        <v>0</v>
      </c>
      <c r="AI29">
        <v>0</v>
      </c>
    </row>
    <row r="30" spans="1:35" x14ac:dyDescent="0.4">
      <c r="A30">
        <v>393</v>
      </c>
      <c r="B30">
        <v>390</v>
      </c>
      <c r="C30">
        <v>0</v>
      </c>
      <c r="D30" s="1">
        <v>44577</v>
      </c>
      <c r="E30">
        <v>0</v>
      </c>
      <c r="F30">
        <v>0</v>
      </c>
      <c r="G30">
        <v>0</v>
      </c>
      <c r="H30">
        <v>0</v>
      </c>
      <c r="I30">
        <v>0</v>
      </c>
      <c r="J30">
        <v>0</v>
      </c>
      <c r="K30">
        <v>0</v>
      </c>
      <c r="L30">
        <v>0</v>
      </c>
      <c r="M30">
        <v>0</v>
      </c>
      <c r="N30">
        <v>0</v>
      </c>
      <c r="O30">
        <v>0</v>
      </c>
      <c r="P30">
        <v>0</v>
      </c>
      <c r="Q30">
        <v>0</v>
      </c>
      <c r="R30">
        <v>0</v>
      </c>
      <c r="S30">
        <v>0</v>
      </c>
      <c r="T30">
        <v>0</v>
      </c>
      <c r="U30">
        <v>0</v>
      </c>
      <c r="V30">
        <v>0</v>
      </c>
      <c r="W30">
        <v>0</v>
      </c>
      <c r="X30">
        <v>0</v>
      </c>
      <c r="Y30">
        <v>0</v>
      </c>
      <c r="Z30">
        <v>0</v>
      </c>
      <c r="AA30">
        <v>0</v>
      </c>
      <c r="AB30">
        <v>0</v>
      </c>
      <c r="AC30">
        <v>0</v>
      </c>
      <c r="AD30">
        <v>0</v>
      </c>
      <c r="AE30">
        <v>0</v>
      </c>
      <c r="AF30">
        <v>0</v>
      </c>
      <c r="AG30">
        <v>0</v>
      </c>
      <c r="AH30">
        <v>0</v>
      </c>
      <c r="AI30">
        <v>0</v>
      </c>
    </row>
    <row r="31" spans="1:35" x14ac:dyDescent="0.4">
      <c r="A31">
        <v>372</v>
      </c>
      <c r="B31">
        <v>369</v>
      </c>
      <c r="C31">
        <v>0</v>
      </c>
      <c r="D31" s="1">
        <v>44394</v>
      </c>
      <c r="E31">
        <v>0</v>
      </c>
      <c r="F31">
        <v>0</v>
      </c>
      <c r="G31">
        <v>550</v>
      </c>
      <c r="H31">
        <v>550</v>
      </c>
      <c r="I31">
        <v>550</v>
      </c>
      <c r="J31">
        <v>550</v>
      </c>
      <c r="K31">
        <v>0</v>
      </c>
      <c r="L31">
        <v>550</v>
      </c>
      <c r="M31">
        <v>550</v>
      </c>
      <c r="N31">
        <v>550</v>
      </c>
      <c r="O31">
        <v>550</v>
      </c>
      <c r="P31">
        <v>0</v>
      </c>
      <c r="Q31">
        <v>0</v>
      </c>
      <c r="R31">
        <v>0</v>
      </c>
      <c r="S31">
        <v>0</v>
      </c>
      <c r="T31">
        <v>0</v>
      </c>
      <c r="U31">
        <v>0</v>
      </c>
      <c r="V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0</v>
      </c>
      <c r="AD31">
        <v>0</v>
      </c>
      <c r="AE31">
        <v>0</v>
      </c>
      <c r="AF31">
        <v>0</v>
      </c>
      <c r="AG31">
        <v>0</v>
      </c>
      <c r="AH31">
        <v>0</v>
      </c>
      <c r="AI31">
        <v>0</v>
      </c>
    </row>
    <row r="32" spans="1:35" x14ac:dyDescent="0.4">
      <c r="A32">
        <v>218</v>
      </c>
      <c r="B32">
        <v>215</v>
      </c>
      <c r="C32">
        <v>0</v>
      </c>
      <c r="D32" s="1">
        <v>40318</v>
      </c>
      <c r="E32">
        <v>0</v>
      </c>
      <c r="F32">
        <v>0</v>
      </c>
      <c r="G32">
        <v>418</v>
      </c>
      <c r="H32">
        <v>418</v>
      </c>
      <c r="I32">
        <v>418</v>
      </c>
      <c r="J32">
        <v>418</v>
      </c>
      <c r="K32">
        <v>418</v>
      </c>
      <c r="L32">
        <v>418</v>
      </c>
      <c r="M32">
        <v>418</v>
      </c>
      <c r="N32">
        <v>418</v>
      </c>
      <c r="O32">
        <v>418</v>
      </c>
      <c r="P32">
        <v>0</v>
      </c>
      <c r="Q32">
        <v>0</v>
      </c>
      <c r="R32">
        <v>0</v>
      </c>
      <c r="S32">
        <v>0</v>
      </c>
      <c r="T32">
        <v>0</v>
      </c>
      <c r="U32">
        <v>0</v>
      </c>
      <c r="V32">
        <v>0</v>
      </c>
      <c r="W32">
        <v>0</v>
      </c>
      <c r="X32">
        <v>0</v>
      </c>
      <c r="Y32">
        <v>0</v>
      </c>
      <c r="Z32">
        <v>0</v>
      </c>
      <c r="AA32">
        <v>0</v>
      </c>
      <c r="AB32">
        <v>0</v>
      </c>
      <c r="AC32">
        <v>0</v>
      </c>
      <c r="AD32">
        <v>0</v>
      </c>
      <c r="AE32">
        <v>0</v>
      </c>
      <c r="AF32">
        <v>0</v>
      </c>
      <c r="AG32">
        <v>0</v>
      </c>
      <c r="AH32">
        <v>0</v>
      </c>
      <c r="AI32">
        <v>0</v>
      </c>
    </row>
    <row r="33" spans="1:35" x14ac:dyDescent="0.4">
      <c r="A33">
        <v>219</v>
      </c>
      <c r="B33">
        <v>216</v>
      </c>
      <c r="C33">
        <v>0</v>
      </c>
      <c r="D33" s="1">
        <v>40318</v>
      </c>
      <c r="E33">
        <v>0</v>
      </c>
      <c r="F33">
        <v>0</v>
      </c>
      <c r="G33">
        <v>418</v>
      </c>
      <c r="H33">
        <v>418</v>
      </c>
      <c r="I33">
        <v>418</v>
      </c>
      <c r="J33">
        <v>418</v>
      </c>
      <c r="K33">
        <v>418</v>
      </c>
      <c r="L33">
        <v>418</v>
      </c>
      <c r="M33">
        <v>418</v>
      </c>
      <c r="N33">
        <v>418</v>
      </c>
      <c r="O33">
        <v>418</v>
      </c>
      <c r="P33">
        <v>0</v>
      </c>
      <c r="Q33">
        <v>0</v>
      </c>
      <c r="R33">
        <v>0</v>
      </c>
      <c r="S33">
        <v>0</v>
      </c>
      <c r="T33">
        <v>0</v>
      </c>
      <c r="U33">
        <v>0</v>
      </c>
      <c r="V33">
        <v>0</v>
      </c>
      <c r="W33">
        <v>0</v>
      </c>
      <c r="X33">
        <v>0</v>
      </c>
      <c r="Y33">
        <v>0</v>
      </c>
      <c r="Z33">
        <v>0</v>
      </c>
      <c r="AA33">
        <v>0</v>
      </c>
      <c r="AB33">
        <v>0</v>
      </c>
      <c r="AC33">
        <v>0</v>
      </c>
      <c r="AD33">
        <v>0</v>
      </c>
      <c r="AE33">
        <v>0</v>
      </c>
      <c r="AF33">
        <v>0</v>
      </c>
      <c r="AG33">
        <v>0</v>
      </c>
      <c r="AH33">
        <v>0</v>
      </c>
      <c r="AI33">
        <v>0</v>
      </c>
    </row>
    <row r="34" spans="1:35" x14ac:dyDescent="0.4">
      <c r="A34">
        <v>375</v>
      </c>
      <c r="B34">
        <v>372</v>
      </c>
      <c r="C34">
        <v>0</v>
      </c>
      <c r="D34" s="1">
        <v>44399</v>
      </c>
      <c r="E34">
        <v>0</v>
      </c>
      <c r="F34">
        <v>0</v>
      </c>
      <c r="G34">
        <v>715</v>
      </c>
      <c r="H34">
        <v>715</v>
      </c>
      <c r="I34">
        <v>715</v>
      </c>
      <c r="J34">
        <v>715</v>
      </c>
      <c r="K34">
        <v>0</v>
      </c>
      <c r="L34">
        <v>715</v>
      </c>
      <c r="M34">
        <v>715</v>
      </c>
      <c r="N34">
        <v>715</v>
      </c>
      <c r="O34">
        <v>715</v>
      </c>
      <c r="P34">
        <v>0</v>
      </c>
      <c r="Q34">
        <v>0</v>
      </c>
      <c r="R34">
        <v>0</v>
      </c>
      <c r="S34">
        <v>0</v>
      </c>
      <c r="T34">
        <v>0</v>
      </c>
      <c r="U34">
        <v>0</v>
      </c>
      <c r="V34">
        <v>0</v>
      </c>
      <c r="W34">
        <v>0</v>
      </c>
      <c r="X34">
        <v>0</v>
      </c>
      <c r="Y34">
        <v>0</v>
      </c>
      <c r="Z34">
        <v>0</v>
      </c>
      <c r="AA34">
        <v>0</v>
      </c>
      <c r="AB34">
        <v>0</v>
      </c>
      <c r="AC34">
        <v>0</v>
      </c>
      <c r="AD34">
        <v>0</v>
      </c>
      <c r="AE34">
        <v>0</v>
      </c>
      <c r="AF34">
        <v>0</v>
      </c>
      <c r="AG34">
        <v>0</v>
      </c>
      <c r="AH34">
        <v>0</v>
      </c>
      <c r="AI34">
        <v>0</v>
      </c>
    </row>
    <row r="35" spans="1:35" x14ac:dyDescent="0.4">
      <c r="A35">
        <v>60</v>
      </c>
      <c r="B35">
        <v>57</v>
      </c>
      <c r="C35">
        <v>0</v>
      </c>
      <c r="D35" s="1">
        <v>40315</v>
      </c>
      <c r="E35">
        <v>0</v>
      </c>
      <c r="F35">
        <v>0</v>
      </c>
      <c r="G35">
        <v>440</v>
      </c>
      <c r="H35">
        <v>440</v>
      </c>
      <c r="I35">
        <v>440</v>
      </c>
      <c r="J35">
        <v>0</v>
      </c>
      <c r="K35">
        <v>0</v>
      </c>
      <c r="L35">
        <v>440</v>
      </c>
      <c r="M35">
        <v>440</v>
      </c>
      <c r="N35">
        <v>440</v>
      </c>
      <c r="O35">
        <v>440</v>
      </c>
      <c r="P35">
        <v>0</v>
      </c>
      <c r="Q35">
        <v>0</v>
      </c>
      <c r="R35">
        <v>0</v>
      </c>
      <c r="S35">
        <v>0</v>
      </c>
      <c r="T35">
        <v>0</v>
      </c>
      <c r="U35">
        <v>0</v>
      </c>
      <c r="V35">
        <v>0</v>
      </c>
      <c r="W35">
        <v>0</v>
      </c>
      <c r="X35">
        <v>0</v>
      </c>
      <c r="Y35">
        <v>0</v>
      </c>
      <c r="Z35">
        <v>0</v>
      </c>
      <c r="AA35">
        <v>0</v>
      </c>
      <c r="AB35">
        <v>0</v>
      </c>
      <c r="AC35">
        <v>0</v>
      </c>
      <c r="AD35">
        <v>0</v>
      </c>
      <c r="AE35">
        <v>0</v>
      </c>
      <c r="AF35">
        <v>0</v>
      </c>
      <c r="AG35">
        <v>0</v>
      </c>
      <c r="AH35">
        <v>0</v>
      </c>
      <c r="AI35">
        <v>0</v>
      </c>
    </row>
    <row r="36" spans="1:35" x14ac:dyDescent="0.4">
      <c r="A36">
        <v>61</v>
      </c>
      <c r="B36">
        <v>58</v>
      </c>
      <c r="C36">
        <v>0</v>
      </c>
      <c r="D36" s="1">
        <v>40315</v>
      </c>
      <c r="E36">
        <v>0</v>
      </c>
      <c r="F36">
        <v>0</v>
      </c>
      <c r="G36">
        <v>440</v>
      </c>
      <c r="H36">
        <v>440</v>
      </c>
      <c r="I36">
        <v>0</v>
      </c>
      <c r="J36">
        <v>0</v>
      </c>
      <c r="K36">
        <v>0</v>
      </c>
      <c r="L36">
        <v>440</v>
      </c>
      <c r="M36">
        <v>440</v>
      </c>
      <c r="N36">
        <v>440</v>
      </c>
      <c r="O36">
        <v>440</v>
      </c>
      <c r="P36">
        <v>0</v>
      </c>
      <c r="Q36">
        <v>0</v>
      </c>
      <c r="R36">
        <v>0</v>
      </c>
      <c r="S36">
        <v>0</v>
      </c>
      <c r="T36">
        <v>0</v>
      </c>
      <c r="U36">
        <v>0</v>
      </c>
      <c r="V36">
        <v>0</v>
      </c>
      <c r="W36">
        <v>0</v>
      </c>
      <c r="X36">
        <v>0</v>
      </c>
      <c r="Y36">
        <v>0</v>
      </c>
      <c r="Z36">
        <v>0</v>
      </c>
      <c r="AA36">
        <v>0</v>
      </c>
      <c r="AB36">
        <v>0</v>
      </c>
      <c r="AC36">
        <v>0</v>
      </c>
      <c r="AD36">
        <v>0</v>
      </c>
      <c r="AE36">
        <v>0</v>
      </c>
      <c r="AF36">
        <v>0</v>
      </c>
      <c r="AG36">
        <v>0</v>
      </c>
      <c r="AH36">
        <v>0</v>
      </c>
      <c r="AI36">
        <v>0</v>
      </c>
    </row>
    <row r="37" spans="1:35" x14ac:dyDescent="0.4">
      <c r="A37">
        <v>62</v>
      </c>
      <c r="B37">
        <v>59</v>
      </c>
      <c r="C37">
        <v>0</v>
      </c>
      <c r="D37" s="1">
        <v>40315</v>
      </c>
      <c r="E37">
        <v>0</v>
      </c>
      <c r="F37">
        <v>0</v>
      </c>
      <c r="G37">
        <v>440</v>
      </c>
      <c r="H37">
        <v>440</v>
      </c>
      <c r="I37">
        <v>0</v>
      </c>
      <c r="J37">
        <v>0</v>
      </c>
      <c r="K37">
        <v>0</v>
      </c>
      <c r="L37">
        <v>440</v>
      </c>
      <c r="M37">
        <v>440</v>
      </c>
      <c r="N37">
        <v>440</v>
      </c>
      <c r="O37">
        <v>440</v>
      </c>
      <c r="P37">
        <v>0</v>
      </c>
      <c r="Q37">
        <v>0</v>
      </c>
      <c r="R37">
        <v>0</v>
      </c>
      <c r="S37">
        <v>0</v>
      </c>
      <c r="T37">
        <v>0</v>
      </c>
      <c r="U37">
        <v>0</v>
      </c>
      <c r="V37">
        <v>0</v>
      </c>
      <c r="W37">
        <v>0</v>
      </c>
      <c r="X37">
        <v>0</v>
      </c>
      <c r="Y37">
        <v>0</v>
      </c>
      <c r="Z37">
        <v>0</v>
      </c>
      <c r="AA37">
        <v>0</v>
      </c>
      <c r="AB37">
        <v>0</v>
      </c>
      <c r="AC37">
        <v>0</v>
      </c>
      <c r="AD37">
        <v>0</v>
      </c>
      <c r="AE37">
        <v>0</v>
      </c>
      <c r="AF37">
        <v>0</v>
      </c>
      <c r="AG37">
        <v>0</v>
      </c>
      <c r="AH37">
        <v>0</v>
      </c>
      <c r="AI37">
        <v>0</v>
      </c>
    </row>
    <row r="38" spans="1:35" x14ac:dyDescent="0.4">
      <c r="A38">
        <v>71</v>
      </c>
      <c r="B38">
        <v>68</v>
      </c>
      <c r="C38">
        <v>0</v>
      </c>
      <c r="D38" s="1">
        <v>40315</v>
      </c>
      <c r="E38">
        <v>0</v>
      </c>
      <c r="F38">
        <v>0</v>
      </c>
      <c r="G38">
        <v>0</v>
      </c>
      <c r="H38">
        <v>0</v>
      </c>
      <c r="I38">
        <v>0</v>
      </c>
      <c r="J38">
        <v>0</v>
      </c>
      <c r="K38">
        <v>0</v>
      </c>
      <c r="L38">
        <v>0</v>
      </c>
      <c r="M38">
        <v>0</v>
      </c>
      <c r="N38">
        <v>0</v>
      </c>
      <c r="O38">
        <v>0</v>
      </c>
      <c r="P38">
        <v>0</v>
      </c>
      <c r="Q38">
        <v>0</v>
      </c>
      <c r="R38">
        <v>0</v>
      </c>
      <c r="S38">
        <v>0</v>
      </c>
      <c r="T38">
        <v>0</v>
      </c>
      <c r="U38">
        <v>0</v>
      </c>
      <c r="V38">
        <v>0</v>
      </c>
      <c r="W38">
        <v>0</v>
      </c>
      <c r="X38">
        <v>0</v>
      </c>
      <c r="Y38">
        <v>0</v>
      </c>
      <c r="Z38">
        <v>0</v>
      </c>
      <c r="AA38">
        <v>0</v>
      </c>
      <c r="AB38">
        <v>0</v>
      </c>
      <c r="AC38">
        <v>0</v>
      </c>
      <c r="AD38">
        <v>0</v>
      </c>
      <c r="AE38">
        <v>0</v>
      </c>
      <c r="AF38">
        <v>0</v>
      </c>
      <c r="AG38">
        <v>0</v>
      </c>
      <c r="AH38">
        <v>0</v>
      </c>
      <c r="AI38">
        <v>0</v>
      </c>
    </row>
    <row r="39" spans="1:35" x14ac:dyDescent="0.4">
      <c r="A39">
        <v>72</v>
      </c>
      <c r="B39">
        <v>69</v>
      </c>
      <c r="C39">
        <v>0</v>
      </c>
      <c r="D39" s="1">
        <v>40315</v>
      </c>
      <c r="E39">
        <v>0</v>
      </c>
      <c r="F39">
        <v>0</v>
      </c>
      <c r="G39">
        <v>550</v>
      </c>
      <c r="H39">
        <v>550</v>
      </c>
      <c r="I39">
        <v>550</v>
      </c>
      <c r="J39">
        <v>0</v>
      </c>
      <c r="K39">
        <v>0</v>
      </c>
      <c r="L39">
        <v>550</v>
      </c>
      <c r="M39">
        <v>550</v>
      </c>
      <c r="N39">
        <v>550</v>
      </c>
      <c r="O39">
        <v>550</v>
      </c>
      <c r="P39">
        <v>0</v>
      </c>
      <c r="Q39">
        <v>0</v>
      </c>
      <c r="R39">
        <v>0</v>
      </c>
      <c r="S39">
        <v>0</v>
      </c>
      <c r="T39">
        <v>0</v>
      </c>
      <c r="U39">
        <v>0</v>
      </c>
      <c r="V39">
        <v>0</v>
      </c>
      <c r="W39">
        <v>0</v>
      </c>
      <c r="X39">
        <v>0</v>
      </c>
      <c r="Y39">
        <v>0</v>
      </c>
      <c r="Z39">
        <v>0</v>
      </c>
      <c r="AA39">
        <v>0</v>
      </c>
      <c r="AB39">
        <v>0</v>
      </c>
      <c r="AC39">
        <v>0</v>
      </c>
      <c r="AD39">
        <v>0</v>
      </c>
      <c r="AE39">
        <v>0</v>
      </c>
      <c r="AF39">
        <v>0</v>
      </c>
      <c r="AG39">
        <v>0</v>
      </c>
      <c r="AH39">
        <v>0</v>
      </c>
      <c r="AI39">
        <v>0</v>
      </c>
    </row>
    <row r="40" spans="1:35" x14ac:dyDescent="0.4">
      <c r="A40">
        <v>74</v>
      </c>
      <c r="B40">
        <v>71</v>
      </c>
      <c r="C40">
        <v>0</v>
      </c>
      <c r="D40" s="1">
        <v>40315</v>
      </c>
      <c r="E40">
        <v>0</v>
      </c>
      <c r="F40">
        <v>0</v>
      </c>
      <c r="G40">
        <v>462</v>
      </c>
      <c r="H40">
        <v>462</v>
      </c>
      <c r="I40">
        <v>0</v>
      </c>
      <c r="J40">
        <v>0</v>
      </c>
      <c r="K40">
        <v>0</v>
      </c>
      <c r="L40">
        <v>462</v>
      </c>
      <c r="M40">
        <v>462</v>
      </c>
      <c r="N40">
        <v>462</v>
      </c>
      <c r="O40">
        <v>462</v>
      </c>
      <c r="P40">
        <v>0</v>
      </c>
      <c r="Q40">
        <v>0</v>
      </c>
      <c r="R40">
        <v>0</v>
      </c>
      <c r="S40">
        <v>0</v>
      </c>
      <c r="T40">
        <v>0</v>
      </c>
      <c r="U40">
        <v>0</v>
      </c>
      <c r="V40">
        <v>0</v>
      </c>
      <c r="W40">
        <v>0</v>
      </c>
      <c r="X40">
        <v>0</v>
      </c>
      <c r="Y40">
        <v>0</v>
      </c>
      <c r="Z40">
        <v>0</v>
      </c>
      <c r="AA40">
        <v>0</v>
      </c>
      <c r="AB40">
        <v>0</v>
      </c>
      <c r="AC40">
        <v>0</v>
      </c>
      <c r="AD40">
        <v>0</v>
      </c>
      <c r="AE40">
        <v>0</v>
      </c>
      <c r="AF40">
        <v>0</v>
      </c>
      <c r="AG40">
        <v>0</v>
      </c>
      <c r="AH40">
        <v>0</v>
      </c>
      <c r="AI40">
        <v>0</v>
      </c>
    </row>
    <row r="41" spans="1:35" x14ac:dyDescent="0.4">
      <c r="A41">
        <v>75</v>
      </c>
      <c r="B41">
        <v>72</v>
      </c>
      <c r="C41">
        <v>0</v>
      </c>
      <c r="D41" s="1">
        <v>40315</v>
      </c>
      <c r="E41">
        <v>0</v>
      </c>
      <c r="F41">
        <v>0</v>
      </c>
      <c r="G41">
        <v>462</v>
      </c>
      <c r="H41">
        <v>462</v>
      </c>
      <c r="I41">
        <v>0</v>
      </c>
      <c r="J41">
        <v>0</v>
      </c>
      <c r="K41">
        <v>0</v>
      </c>
      <c r="L41">
        <v>462</v>
      </c>
      <c r="M41">
        <v>462</v>
      </c>
      <c r="N41">
        <v>462</v>
      </c>
      <c r="O41">
        <v>462</v>
      </c>
      <c r="P41">
        <v>0</v>
      </c>
      <c r="Q41">
        <v>0</v>
      </c>
      <c r="R41">
        <v>0</v>
      </c>
      <c r="S41">
        <v>0</v>
      </c>
      <c r="T41">
        <v>0</v>
      </c>
      <c r="U41">
        <v>0</v>
      </c>
      <c r="V41">
        <v>0</v>
      </c>
      <c r="W41">
        <v>0</v>
      </c>
      <c r="X41">
        <v>0</v>
      </c>
      <c r="Y41">
        <v>0</v>
      </c>
      <c r="Z41">
        <v>0</v>
      </c>
      <c r="AA41">
        <v>0</v>
      </c>
      <c r="AB41">
        <v>0</v>
      </c>
      <c r="AC41">
        <v>0</v>
      </c>
      <c r="AD41">
        <v>0</v>
      </c>
      <c r="AE41">
        <v>0</v>
      </c>
      <c r="AF41">
        <v>0</v>
      </c>
      <c r="AG41">
        <v>0</v>
      </c>
      <c r="AH41">
        <v>0</v>
      </c>
      <c r="AI41">
        <v>0</v>
      </c>
    </row>
    <row r="42" spans="1:35" x14ac:dyDescent="0.4">
      <c r="A42">
        <v>76</v>
      </c>
      <c r="B42">
        <v>73</v>
      </c>
      <c r="C42">
        <v>0</v>
      </c>
      <c r="D42" s="1">
        <v>40315</v>
      </c>
      <c r="E42">
        <v>0</v>
      </c>
      <c r="F42">
        <v>0</v>
      </c>
      <c r="G42">
        <v>462</v>
      </c>
      <c r="H42">
        <v>462</v>
      </c>
      <c r="I42">
        <v>0</v>
      </c>
      <c r="J42">
        <v>0</v>
      </c>
      <c r="K42">
        <v>0</v>
      </c>
      <c r="L42">
        <v>462</v>
      </c>
      <c r="M42">
        <v>462</v>
      </c>
      <c r="N42">
        <v>462</v>
      </c>
      <c r="O42">
        <v>462</v>
      </c>
      <c r="P42">
        <v>0</v>
      </c>
      <c r="Q42">
        <v>0</v>
      </c>
      <c r="R42">
        <v>0</v>
      </c>
      <c r="S42">
        <v>0</v>
      </c>
      <c r="T42">
        <v>0</v>
      </c>
      <c r="U42">
        <v>0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0</v>
      </c>
      <c r="AD42">
        <v>0</v>
      </c>
      <c r="AE42">
        <v>0</v>
      </c>
      <c r="AF42">
        <v>0</v>
      </c>
      <c r="AG42">
        <v>0</v>
      </c>
      <c r="AH42">
        <v>0</v>
      </c>
      <c r="AI42">
        <v>0</v>
      </c>
    </row>
    <row r="43" spans="1:35" x14ac:dyDescent="0.4">
      <c r="A43">
        <v>77</v>
      </c>
      <c r="B43">
        <v>74</v>
      </c>
      <c r="C43">
        <v>0</v>
      </c>
      <c r="D43" s="1">
        <v>40315</v>
      </c>
      <c r="E43">
        <v>0</v>
      </c>
      <c r="F43">
        <v>0</v>
      </c>
      <c r="G43">
        <v>462</v>
      </c>
      <c r="H43">
        <v>462</v>
      </c>
      <c r="I43">
        <v>0</v>
      </c>
      <c r="J43">
        <v>0</v>
      </c>
      <c r="K43">
        <v>0</v>
      </c>
      <c r="L43">
        <v>462</v>
      </c>
      <c r="M43">
        <v>462</v>
      </c>
      <c r="N43">
        <v>462</v>
      </c>
      <c r="O43">
        <v>462</v>
      </c>
      <c r="P43">
        <v>0</v>
      </c>
      <c r="Q43">
        <v>0</v>
      </c>
      <c r="R43">
        <v>0</v>
      </c>
      <c r="S43">
        <v>0</v>
      </c>
      <c r="T43">
        <v>0</v>
      </c>
      <c r="U43">
        <v>0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0</v>
      </c>
      <c r="AD43">
        <v>0</v>
      </c>
      <c r="AE43">
        <v>0</v>
      </c>
      <c r="AF43">
        <v>0</v>
      </c>
      <c r="AG43">
        <v>0</v>
      </c>
      <c r="AH43">
        <v>0</v>
      </c>
      <c r="AI43">
        <v>0</v>
      </c>
    </row>
    <row r="44" spans="1:35" x14ac:dyDescent="0.4">
      <c r="A44">
        <v>78</v>
      </c>
      <c r="B44">
        <v>75</v>
      </c>
      <c r="C44">
        <v>0</v>
      </c>
      <c r="D44" s="1">
        <v>40315</v>
      </c>
      <c r="E44">
        <v>0</v>
      </c>
      <c r="F44">
        <v>0</v>
      </c>
      <c r="G44">
        <v>462</v>
      </c>
      <c r="H44">
        <v>462</v>
      </c>
      <c r="I44">
        <v>0</v>
      </c>
      <c r="J44">
        <v>0</v>
      </c>
      <c r="K44">
        <v>0</v>
      </c>
      <c r="L44">
        <v>462</v>
      </c>
      <c r="M44">
        <v>462</v>
      </c>
      <c r="N44">
        <v>462</v>
      </c>
      <c r="O44">
        <v>462</v>
      </c>
      <c r="P44">
        <v>0</v>
      </c>
      <c r="Q44">
        <v>0</v>
      </c>
      <c r="R44">
        <v>0</v>
      </c>
      <c r="S44">
        <v>0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0</v>
      </c>
      <c r="AD44">
        <v>0</v>
      </c>
      <c r="AE44">
        <v>0</v>
      </c>
      <c r="AF44">
        <v>0</v>
      </c>
      <c r="AG44">
        <v>0</v>
      </c>
      <c r="AH44">
        <v>0</v>
      </c>
      <c r="AI44">
        <v>0</v>
      </c>
    </row>
    <row r="45" spans="1:35" x14ac:dyDescent="0.4">
      <c r="A45">
        <v>79</v>
      </c>
      <c r="B45">
        <v>76</v>
      </c>
      <c r="C45">
        <v>0</v>
      </c>
      <c r="D45" s="1">
        <v>40315</v>
      </c>
      <c r="E45">
        <v>0</v>
      </c>
      <c r="F45">
        <v>0</v>
      </c>
      <c r="G45">
        <v>462</v>
      </c>
      <c r="H45">
        <v>462</v>
      </c>
      <c r="I45">
        <v>0</v>
      </c>
      <c r="J45">
        <v>0</v>
      </c>
      <c r="K45">
        <v>0</v>
      </c>
      <c r="L45">
        <v>462</v>
      </c>
      <c r="M45">
        <v>462</v>
      </c>
      <c r="N45">
        <v>462</v>
      </c>
      <c r="O45">
        <v>462</v>
      </c>
      <c r="P45">
        <v>0</v>
      </c>
      <c r="Q45">
        <v>0</v>
      </c>
      <c r="R45">
        <v>0</v>
      </c>
      <c r="S45">
        <v>0</v>
      </c>
      <c r="T45">
        <v>0</v>
      </c>
      <c r="U45">
        <v>0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0</v>
      </c>
      <c r="AD45">
        <v>0</v>
      </c>
      <c r="AE45">
        <v>0</v>
      </c>
      <c r="AF45">
        <v>0</v>
      </c>
      <c r="AG45">
        <v>0</v>
      </c>
      <c r="AH45">
        <v>0</v>
      </c>
      <c r="AI45">
        <v>0</v>
      </c>
    </row>
    <row r="46" spans="1:35" x14ac:dyDescent="0.4">
      <c r="A46">
        <v>99</v>
      </c>
      <c r="B46">
        <v>96</v>
      </c>
      <c r="C46">
        <v>0</v>
      </c>
      <c r="D46" s="1">
        <v>40315</v>
      </c>
      <c r="E46">
        <v>0</v>
      </c>
      <c r="F46">
        <v>0</v>
      </c>
      <c r="G46">
        <v>605</v>
      </c>
      <c r="H46">
        <v>605</v>
      </c>
      <c r="I46">
        <v>605</v>
      </c>
      <c r="J46">
        <v>605</v>
      </c>
      <c r="K46">
        <v>605</v>
      </c>
      <c r="L46">
        <v>605</v>
      </c>
      <c r="M46">
        <v>605</v>
      </c>
      <c r="N46">
        <v>605</v>
      </c>
      <c r="O46">
        <v>605</v>
      </c>
      <c r="P46">
        <v>0</v>
      </c>
      <c r="Q46">
        <v>0</v>
      </c>
      <c r="R46">
        <v>0</v>
      </c>
      <c r="S46">
        <v>0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0</v>
      </c>
      <c r="AD46">
        <v>0</v>
      </c>
      <c r="AE46">
        <v>0</v>
      </c>
      <c r="AF46">
        <v>0</v>
      </c>
      <c r="AG46">
        <v>0</v>
      </c>
      <c r="AH46">
        <v>0</v>
      </c>
      <c r="AI46">
        <v>0</v>
      </c>
    </row>
    <row r="47" spans="1:35" x14ac:dyDescent="0.4">
      <c r="A47">
        <v>100</v>
      </c>
      <c r="B47">
        <v>97</v>
      </c>
      <c r="C47">
        <v>0</v>
      </c>
      <c r="D47" s="1">
        <v>40315</v>
      </c>
      <c r="E47">
        <v>0</v>
      </c>
      <c r="F47">
        <v>0</v>
      </c>
      <c r="G47">
        <v>550</v>
      </c>
      <c r="H47">
        <v>550</v>
      </c>
      <c r="I47">
        <v>550</v>
      </c>
      <c r="J47">
        <v>0</v>
      </c>
      <c r="K47">
        <v>0</v>
      </c>
      <c r="L47">
        <v>550</v>
      </c>
      <c r="M47">
        <v>550</v>
      </c>
      <c r="N47">
        <v>550</v>
      </c>
      <c r="O47">
        <v>550</v>
      </c>
      <c r="P47">
        <v>0</v>
      </c>
      <c r="Q47">
        <v>0</v>
      </c>
      <c r="R47">
        <v>0</v>
      </c>
      <c r="S47">
        <v>0</v>
      </c>
      <c r="T47">
        <v>0</v>
      </c>
      <c r="U47">
        <v>0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0</v>
      </c>
      <c r="AD47">
        <v>0</v>
      </c>
      <c r="AE47">
        <v>0</v>
      </c>
      <c r="AF47">
        <v>0</v>
      </c>
      <c r="AG47">
        <v>0</v>
      </c>
      <c r="AH47">
        <v>0</v>
      </c>
      <c r="AI47">
        <v>0</v>
      </c>
    </row>
    <row r="48" spans="1:35" x14ac:dyDescent="0.4">
      <c r="A48">
        <v>378</v>
      </c>
      <c r="B48">
        <v>375</v>
      </c>
      <c r="C48">
        <v>0</v>
      </c>
      <c r="D48" s="1">
        <v>44399</v>
      </c>
      <c r="E48">
        <v>0</v>
      </c>
      <c r="F48">
        <v>0</v>
      </c>
      <c r="G48">
        <v>495</v>
      </c>
      <c r="H48">
        <v>495</v>
      </c>
      <c r="I48">
        <v>495</v>
      </c>
      <c r="J48">
        <v>495</v>
      </c>
      <c r="K48">
        <v>0</v>
      </c>
      <c r="L48">
        <v>495</v>
      </c>
      <c r="M48">
        <v>495</v>
      </c>
      <c r="N48">
        <v>495</v>
      </c>
      <c r="O48">
        <v>495</v>
      </c>
      <c r="P48">
        <v>0</v>
      </c>
      <c r="Q48">
        <v>0</v>
      </c>
      <c r="R48">
        <v>0</v>
      </c>
      <c r="S48">
        <v>0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0</v>
      </c>
      <c r="AD48">
        <v>0</v>
      </c>
      <c r="AE48">
        <v>0</v>
      </c>
      <c r="AF48">
        <v>0</v>
      </c>
      <c r="AG48">
        <v>0</v>
      </c>
      <c r="AH48">
        <v>0</v>
      </c>
      <c r="AI48">
        <v>0</v>
      </c>
    </row>
    <row r="49" spans="1:35" x14ac:dyDescent="0.4">
      <c r="A49">
        <v>379</v>
      </c>
      <c r="B49">
        <v>376</v>
      </c>
      <c r="C49">
        <v>0</v>
      </c>
      <c r="D49" s="1">
        <v>44399</v>
      </c>
      <c r="E49">
        <v>0</v>
      </c>
      <c r="F49">
        <v>0</v>
      </c>
      <c r="G49">
        <v>550</v>
      </c>
      <c r="H49">
        <v>550</v>
      </c>
      <c r="I49">
        <v>550</v>
      </c>
      <c r="J49">
        <v>550</v>
      </c>
      <c r="K49">
        <v>0</v>
      </c>
      <c r="L49">
        <v>550</v>
      </c>
      <c r="M49">
        <v>550</v>
      </c>
      <c r="N49">
        <v>550</v>
      </c>
      <c r="O49">
        <v>550</v>
      </c>
      <c r="P49">
        <v>0</v>
      </c>
      <c r="Q49">
        <v>0</v>
      </c>
      <c r="R49">
        <v>0</v>
      </c>
      <c r="S49">
        <v>0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0</v>
      </c>
      <c r="AD49">
        <v>0</v>
      </c>
      <c r="AE49">
        <v>0</v>
      </c>
      <c r="AF49">
        <v>0</v>
      </c>
      <c r="AG49">
        <v>0</v>
      </c>
      <c r="AH49">
        <v>0</v>
      </c>
      <c r="AI49">
        <v>0</v>
      </c>
    </row>
    <row r="50" spans="1:35" x14ac:dyDescent="0.4">
      <c r="A50">
        <v>106</v>
      </c>
      <c r="B50">
        <v>103</v>
      </c>
      <c r="C50">
        <v>0</v>
      </c>
      <c r="D50" s="1">
        <v>40315</v>
      </c>
      <c r="E50">
        <v>0</v>
      </c>
      <c r="F50">
        <v>0</v>
      </c>
      <c r="G50">
        <v>1980</v>
      </c>
      <c r="H50">
        <v>1980</v>
      </c>
      <c r="I50">
        <v>1980</v>
      </c>
      <c r="J50">
        <v>0</v>
      </c>
      <c r="K50">
        <v>0</v>
      </c>
      <c r="L50">
        <v>1980</v>
      </c>
      <c r="M50">
        <v>1980</v>
      </c>
      <c r="N50">
        <v>1980</v>
      </c>
      <c r="O50">
        <v>1980</v>
      </c>
      <c r="P50">
        <v>0</v>
      </c>
      <c r="Q50">
        <v>0</v>
      </c>
      <c r="R50">
        <v>0</v>
      </c>
      <c r="S50">
        <v>0</v>
      </c>
      <c r="T50">
        <v>0</v>
      </c>
      <c r="U50">
        <v>0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0</v>
      </c>
      <c r="AD50">
        <v>0</v>
      </c>
      <c r="AE50">
        <v>0</v>
      </c>
      <c r="AF50">
        <v>0</v>
      </c>
      <c r="AG50">
        <v>0</v>
      </c>
      <c r="AH50">
        <v>0</v>
      </c>
      <c r="AI50">
        <v>0</v>
      </c>
    </row>
    <row r="51" spans="1:35" x14ac:dyDescent="0.4">
      <c r="A51">
        <v>108</v>
      </c>
      <c r="B51">
        <v>105</v>
      </c>
      <c r="C51">
        <v>0</v>
      </c>
      <c r="D51" s="1">
        <v>40315</v>
      </c>
      <c r="E51">
        <v>0</v>
      </c>
      <c r="F51">
        <v>0</v>
      </c>
      <c r="G51">
        <v>1980</v>
      </c>
      <c r="H51">
        <v>1980</v>
      </c>
      <c r="I51">
        <v>1980</v>
      </c>
      <c r="J51">
        <v>1980</v>
      </c>
      <c r="K51">
        <v>1980</v>
      </c>
      <c r="L51">
        <v>1980</v>
      </c>
      <c r="M51">
        <v>1980</v>
      </c>
      <c r="N51">
        <v>1980</v>
      </c>
      <c r="O51">
        <v>1980</v>
      </c>
      <c r="P51">
        <v>0</v>
      </c>
      <c r="Q51">
        <v>0</v>
      </c>
      <c r="R51">
        <v>0</v>
      </c>
      <c r="S51">
        <v>0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0</v>
      </c>
      <c r="AD51">
        <v>0</v>
      </c>
      <c r="AE51">
        <v>0</v>
      </c>
      <c r="AF51">
        <v>0</v>
      </c>
      <c r="AG51">
        <v>0</v>
      </c>
      <c r="AH51">
        <v>0</v>
      </c>
      <c r="AI51">
        <v>0</v>
      </c>
    </row>
    <row r="52" spans="1:35" x14ac:dyDescent="0.4">
      <c r="A52">
        <v>109</v>
      </c>
      <c r="B52">
        <v>106</v>
      </c>
      <c r="C52">
        <v>0</v>
      </c>
      <c r="D52" s="1">
        <v>40315</v>
      </c>
      <c r="E52">
        <v>0</v>
      </c>
      <c r="F52">
        <v>0</v>
      </c>
      <c r="G52">
        <v>605</v>
      </c>
      <c r="H52">
        <v>605</v>
      </c>
      <c r="I52">
        <v>605</v>
      </c>
      <c r="J52">
        <v>0</v>
      </c>
      <c r="K52">
        <v>0</v>
      </c>
      <c r="L52">
        <v>605</v>
      </c>
      <c r="M52">
        <v>605</v>
      </c>
      <c r="N52">
        <v>605</v>
      </c>
      <c r="O52">
        <v>605</v>
      </c>
      <c r="P52">
        <v>0</v>
      </c>
      <c r="Q52">
        <v>0</v>
      </c>
      <c r="R52">
        <v>0</v>
      </c>
      <c r="S52">
        <v>0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0</v>
      </c>
      <c r="AD52">
        <v>0</v>
      </c>
      <c r="AE52">
        <v>0</v>
      </c>
      <c r="AF52">
        <v>0</v>
      </c>
      <c r="AG52">
        <v>0</v>
      </c>
      <c r="AH52">
        <v>0</v>
      </c>
      <c r="AI52">
        <v>0</v>
      </c>
    </row>
    <row r="53" spans="1:35" x14ac:dyDescent="0.4">
      <c r="A53">
        <v>111</v>
      </c>
      <c r="B53">
        <v>108</v>
      </c>
      <c r="C53">
        <v>0</v>
      </c>
      <c r="D53" s="1">
        <v>40315</v>
      </c>
      <c r="E53">
        <v>0</v>
      </c>
      <c r="F53">
        <v>0</v>
      </c>
      <c r="G53">
        <v>605</v>
      </c>
      <c r="H53">
        <v>605</v>
      </c>
      <c r="I53">
        <v>605</v>
      </c>
      <c r="J53">
        <v>0</v>
      </c>
      <c r="K53">
        <v>0</v>
      </c>
      <c r="L53">
        <v>605</v>
      </c>
      <c r="M53">
        <v>605</v>
      </c>
      <c r="N53">
        <v>605</v>
      </c>
      <c r="O53">
        <v>605</v>
      </c>
      <c r="P53">
        <v>0</v>
      </c>
      <c r="Q53">
        <v>0</v>
      </c>
      <c r="R53">
        <v>0</v>
      </c>
      <c r="S53">
        <v>0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0</v>
      </c>
      <c r="AD53">
        <v>0</v>
      </c>
      <c r="AE53">
        <v>0</v>
      </c>
      <c r="AF53">
        <v>0</v>
      </c>
      <c r="AG53">
        <v>0</v>
      </c>
      <c r="AH53">
        <v>0</v>
      </c>
      <c r="AI53">
        <v>0</v>
      </c>
    </row>
    <row r="54" spans="1:35" x14ac:dyDescent="0.4">
      <c r="A54">
        <v>123</v>
      </c>
      <c r="B54">
        <v>120</v>
      </c>
      <c r="C54">
        <v>0</v>
      </c>
      <c r="D54" s="1">
        <v>40315</v>
      </c>
      <c r="E54">
        <v>0</v>
      </c>
      <c r="F54">
        <v>0</v>
      </c>
      <c r="G54">
        <v>308</v>
      </c>
      <c r="H54">
        <v>308</v>
      </c>
      <c r="I54">
        <v>308</v>
      </c>
      <c r="J54">
        <v>308</v>
      </c>
      <c r="K54">
        <v>308</v>
      </c>
      <c r="L54">
        <v>308</v>
      </c>
      <c r="M54">
        <v>308</v>
      </c>
      <c r="N54">
        <v>308</v>
      </c>
      <c r="O54">
        <v>308</v>
      </c>
      <c r="P54">
        <v>0</v>
      </c>
      <c r="Q54">
        <v>0</v>
      </c>
      <c r="R54">
        <v>0</v>
      </c>
      <c r="S54">
        <v>0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0</v>
      </c>
      <c r="AD54">
        <v>0</v>
      </c>
      <c r="AE54">
        <v>0</v>
      </c>
      <c r="AF54">
        <v>0</v>
      </c>
      <c r="AG54">
        <v>0</v>
      </c>
      <c r="AH54">
        <v>0</v>
      </c>
      <c r="AI54">
        <v>0</v>
      </c>
    </row>
    <row r="55" spans="1:35" x14ac:dyDescent="0.4">
      <c r="A55">
        <v>124</v>
      </c>
      <c r="B55">
        <v>121</v>
      </c>
      <c r="C55">
        <v>0</v>
      </c>
      <c r="D55" s="1">
        <v>40315</v>
      </c>
      <c r="E55">
        <v>0</v>
      </c>
      <c r="F55">
        <v>0</v>
      </c>
      <c r="G55">
        <v>308</v>
      </c>
      <c r="H55">
        <v>308</v>
      </c>
      <c r="I55">
        <v>308</v>
      </c>
      <c r="J55">
        <v>308</v>
      </c>
      <c r="K55">
        <v>308</v>
      </c>
      <c r="L55">
        <v>308</v>
      </c>
      <c r="M55">
        <v>308</v>
      </c>
      <c r="N55">
        <v>308</v>
      </c>
      <c r="O55">
        <v>308</v>
      </c>
      <c r="P55">
        <v>0</v>
      </c>
      <c r="Q55">
        <v>0</v>
      </c>
      <c r="R55">
        <v>0</v>
      </c>
      <c r="S55">
        <v>0</v>
      </c>
      <c r="T55">
        <v>0</v>
      </c>
      <c r="U55">
        <v>0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0</v>
      </c>
      <c r="AD55">
        <v>0</v>
      </c>
      <c r="AE55">
        <v>0</v>
      </c>
      <c r="AF55">
        <v>0</v>
      </c>
      <c r="AG55">
        <v>0</v>
      </c>
      <c r="AH55">
        <v>0</v>
      </c>
      <c r="AI55">
        <v>0</v>
      </c>
    </row>
    <row r="56" spans="1:35" x14ac:dyDescent="0.4">
      <c r="A56">
        <v>126</v>
      </c>
      <c r="B56">
        <v>123</v>
      </c>
      <c r="C56">
        <v>0</v>
      </c>
      <c r="D56" s="1">
        <v>40315</v>
      </c>
      <c r="E56">
        <v>0</v>
      </c>
      <c r="F56">
        <v>0</v>
      </c>
      <c r="G56">
        <v>418</v>
      </c>
      <c r="H56">
        <v>418</v>
      </c>
      <c r="I56">
        <v>418</v>
      </c>
      <c r="J56">
        <v>418</v>
      </c>
      <c r="K56">
        <v>418</v>
      </c>
      <c r="L56">
        <v>418</v>
      </c>
      <c r="M56">
        <v>418</v>
      </c>
      <c r="N56">
        <v>418</v>
      </c>
      <c r="O56">
        <v>418</v>
      </c>
      <c r="P56">
        <v>0</v>
      </c>
      <c r="Q56">
        <v>0</v>
      </c>
      <c r="R56">
        <v>0</v>
      </c>
      <c r="S56">
        <v>0</v>
      </c>
      <c r="T56">
        <v>0</v>
      </c>
      <c r="U56">
        <v>0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0</v>
      </c>
      <c r="AD56">
        <v>0</v>
      </c>
      <c r="AE56">
        <v>0</v>
      </c>
      <c r="AF56">
        <v>0</v>
      </c>
      <c r="AG56">
        <v>0</v>
      </c>
      <c r="AH56">
        <v>0</v>
      </c>
      <c r="AI56">
        <v>0</v>
      </c>
    </row>
    <row r="57" spans="1:35" x14ac:dyDescent="0.4">
      <c r="A57">
        <v>404</v>
      </c>
      <c r="B57">
        <v>401</v>
      </c>
      <c r="C57">
        <v>0</v>
      </c>
      <c r="D57" s="1">
        <v>44925</v>
      </c>
      <c r="E57">
        <v>0</v>
      </c>
      <c r="F57">
        <v>0</v>
      </c>
      <c r="G57">
        <v>550</v>
      </c>
      <c r="H57">
        <v>550</v>
      </c>
      <c r="I57">
        <v>550</v>
      </c>
      <c r="J57">
        <v>550</v>
      </c>
      <c r="K57">
        <v>0</v>
      </c>
      <c r="L57">
        <v>550</v>
      </c>
      <c r="M57">
        <v>550</v>
      </c>
      <c r="N57">
        <v>550</v>
      </c>
      <c r="O57">
        <v>550</v>
      </c>
      <c r="P57">
        <v>0</v>
      </c>
      <c r="Q57">
        <v>0</v>
      </c>
      <c r="R57">
        <v>0</v>
      </c>
      <c r="S57">
        <v>0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0</v>
      </c>
      <c r="AD57">
        <v>0</v>
      </c>
      <c r="AE57">
        <v>0</v>
      </c>
      <c r="AF57">
        <v>0</v>
      </c>
      <c r="AG57">
        <v>0</v>
      </c>
      <c r="AH57">
        <v>0</v>
      </c>
      <c r="AI57">
        <v>0</v>
      </c>
    </row>
    <row r="58" spans="1:35" x14ac:dyDescent="0.4">
      <c r="A58">
        <v>142</v>
      </c>
      <c r="B58">
        <v>139</v>
      </c>
      <c r="C58">
        <v>0</v>
      </c>
      <c r="D58" s="1">
        <v>40315</v>
      </c>
      <c r="E58">
        <v>0</v>
      </c>
      <c r="F58">
        <v>0</v>
      </c>
      <c r="G58">
        <v>1628</v>
      </c>
      <c r="H58">
        <v>1628</v>
      </c>
      <c r="I58">
        <v>1628</v>
      </c>
      <c r="J58">
        <v>1628</v>
      </c>
      <c r="K58">
        <v>1628</v>
      </c>
      <c r="L58">
        <v>1628</v>
      </c>
      <c r="M58">
        <v>1628</v>
      </c>
      <c r="N58">
        <v>1628</v>
      </c>
      <c r="O58">
        <v>1628</v>
      </c>
      <c r="P58">
        <v>0</v>
      </c>
      <c r="Q58">
        <v>0</v>
      </c>
      <c r="R58">
        <v>0</v>
      </c>
      <c r="S58">
        <v>0</v>
      </c>
      <c r="T58">
        <v>0</v>
      </c>
      <c r="U58">
        <v>0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0</v>
      </c>
      <c r="AD58">
        <v>0</v>
      </c>
      <c r="AE58">
        <v>0</v>
      </c>
      <c r="AF58">
        <v>0</v>
      </c>
      <c r="AG58">
        <v>0</v>
      </c>
      <c r="AH58">
        <v>0</v>
      </c>
      <c r="AI58">
        <v>0</v>
      </c>
    </row>
    <row r="59" spans="1:35" x14ac:dyDescent="0.4">
      <c r="A59">
        <v>143</v>
      </c>
      <c r="B59">
        <v>140</v>
      </c>
      <c r="C59">
        <v>0</v>
      </c>
      <c r="D59" s="1">
        <v>40315</v>
      </c>
      <c r="E59">
        <v>0</v>
      </c>
      <c r="F59">
        <v>0</v>
      </c>
      <c r="G59">
        <v>1628</v>
      </c>
      <c r="H59">
        <v>1628</v>
      </c>
      <c r="I59">
        <v>1628</v>
      </c>
      <c r="J59">
        <v>1628</v>
      </c>
      <c r="K59">
        <v>1628</v>
      </c>
      <c r="L59">
        <v>1628</v>
      </c>
      <c r="M59">
        <v>1628</v>
      </c>
      <c r="N59">
        <v>1628</v>
      </c>
      <c r="O59">
        <v>1628</v>
      </c>
      <c r="P59">
        <v>0</v>
      </c>
      <c r="Q59">
        <v>0</v>
      </c>
      <c r="R59">
        <v>0</v>
      </c>
      <c r="S59">
        <v>0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0</v>
      </c>
      <c r="AD59">
        <v>0</v>
      </c>
      <c r="AE59">
        <v>0</v>
      </c>
      <c r="AF59">
        <v>0</v>
      </c>
      <c r="AG59">
        <v>0</v>
      </c>
      <c r="AH59">
        <v>0</v>
      </c>
      <c r="AI59">
        <v>0</v>
      </c>
    </row>
    <row r="60" spans="1:35" x14ac:dyDescent="0.4">
      <c r="A60">
        <v>144</v>
      </c>
      <c r="B60">
        <v>141</v>
      </c>
      <c r="C60">
        <v>0</v>
      </c>
      <c r="D60" s="1">
        <v>40315</v>
      </c>
      <c r="E60">
        <v>0</v>
      </c>
      <c r="F60">
        <v>0</v>
      </c>
      <c r="G60">
        <v>528</v>
      </c>
      <c r="H60">
        <v>528</v>
      </c>
      <c r="I60">
        <v>528</v>
      </c>
      <c r="J60">
        <v>528</v>
      </c>
      <c r="K60">
        <v>528</v>
      </c>
      <c r="L60">
        <v>528</v>
      </c>
      <c r="M60">
        <v>528</v>
      </c>
      <c r="N60">
        <v>528</v>
      </c>
      <c r="O60">
        <v>528</v>
      </c>
      <c r="P60">
        <v>0</v>
      </c>
      <c r="Q60">
        <v>0</v>
      </c>
      <c r="R60">
        <v>0</v>
      </c>
      <c r="S60">
        <v>0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0</v>
      </c>
      <c r="AD60">
        <v>0</v>
      </c>
      <c r="AE60">
        <v>0</v>
      </c>
      <c r="AF60">
        <v>0</v>
      </c>
      <c r="AG60">
        <v>0</v>
      </c>
      <c r="AH60">
        <v>0</v>
      </c>
      <c r="AI60">
        <v>0</v>
      </c>
    </row>
    <row r="61" spans="1:35" x14ac:dyDescent="0.4">
      <c r="A61">
        <v>145</v>
      </c>
      <c r="B61">
        <v>142</v>
      </c>
      <c r="C61">
        <v>0</v>
      </c>
      <c r="D61" s="1">
        <v>40315</v>
      </c>
      <c r="E61">
        <v>0</v>
      </c>
      <c r="F61">
        <v>0</v>
      </c>
      <c r="G61">
        <v>418</v>
      </c>
      <c r="H61">
        <v>418</v>
      </c>
      <c r="I61">
        <v>418</v>
      </c>
      <c r="J61">
        <v>418</v>
      </c>
      <c r="K61">
        <v>418</v>
      </c>
      <c r="L61">
        <v>418</v>
      </c>
      <c r="M61">
        <v>418</v>
      </c>
      <c r="N61">
        <v>418</v>
      </c>
      <c r="O61">
        <v>418</v>
      </c>
      <c r="P61">
        <v>0</v>
      </c>
      <c r="Q61">
        <v>0</v>
      </c>
      <c r="R61">
        <v>0</v>
      </c>
      <c r="S61">
        <v>0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0</v>
      </c>
      <c r="AD61">
        <v>0</v>
      </c>
      <c r="AE61">
        <v>0</v>
      </c>
      <c r="AF61">
        <v>0</v>
      </c>
      <c r="AG61">
        <v>0</v>
      </c>
      <c r="AH61">
        <v>0</v>
      </c>
      <c r="AI61">
        <v>0</v>
      </c>
    </row>
    <row r="62" spans="1:35" x14ac:dyDescent="0.4">
      <c r="A62">
        <v>146</v>
      </c>
      <c r="B62">
        <v>143</v>
      </c>
      <c r="C62">
        <v>0</v>
      </c>
      <c r="D62" s="1">
        <v>40315</v>
      </c>
      <c r="E62">
        <v>0</v>
      </c>
      <c r="F62">
        <v>0</v>
      </c>
      <c r="G62">
        <v>418</v>
      </c>
      <c r="H62">
        <v>418</v>
      </c>
      <c r="I62">
        <v>418</v>
      </c>
      <c r="J62">
        <v>418</v>
      </c>
      <c r="K62">
        <v>418</v>
      </c>
      <c r="L62">
        <v>418</v>
      </c>
      <c r="M62">
        <v>418</v>
      </c>
      <c r="N62">
        <v>418</v>
      </c>
      <c r="O62">
        <v>418</v>
      </c>
      <c r="P62">
        <v>0</v>
      </c>
      <c r="Q62">
        <v>0</v>
      </c>
      <c r="R62">
        <v>0</v>
      </c>
      <c r="S62">
        <v>0</v>
      </c>
      <c r="T62">
        <v>0</v>
      </c>
      <c r="U62">
        <v>0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0</v>
      </c>
      <c r="AD62">
        <v>0</v>
      </c>
      <c r="AE62">
        <v>0</v>
      </c>
      <c r="AF62">
        <v>0</v>
      </c>
      <c r="AG62">
        <v>0</v>
      </c>
      <c r="AH62">
        <v>0</v>
      </c>
      <c r="AI62">
        <v>0</v>
      </c>
    </row>
    <row r="63" spans="1:35" x14ac:dyDescent="0.4">
      <c r="A63">
        <v>147</v>
      </c>
      <c r="B63">
        <v>144</v>
      </c>
      <c r="C63">
        <v>0</v>
      </c>
      <c r="D63" s="1">
        <v>40315</v>
      </c>
      <c r="E63">
        <v>0</v>
      </c>
      <c r="F63">
        <v>0</v>
      </c>
      <c r="G63">
        <v>275</v>
      </c>
      <c r="H63">
        <v>275</v>
      </c>
      <c r="I63">
        <v>275</v>
      </c>
      <c r="J63">
        <v>275</v>
      </c>
      <c r="K63">
        <v>275</v>
      </c>
      <c r="L63">
        <v>275</v>
      </c>
      <c r="M63">
        <v>275</v>
      </c>
      <c r="N63">
        <v>275</v>
      </c>
      <c r="O63">
        <v>275</v>
      </c>
      <c r="P63">
        <v>0</v>
      </c>
      <c r="Q63">
        <v>0</v>
      </c>
      <c r="R63">
        <v>0</v>
      </c>
      <c r="S63">
        <v>0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0</v>
      </c>
      <c r="AD63">
        <v>0</v>
      </c>
      <c r="AE63">
        <v>0</v>
      </c>
      <c r="AF63">
        <v>0</v>
      </c>
      <c r="AG63">
        <v>0</v>
      </c>
      <c r="AH63">
        <v>0</v>
      </c>
      <c r="AI63">
        <v>0</v>
      </c>
    </row>
    <row r="64" spans="1:35" x14ac:dyDescent="0.4">
      <c r="A64">
        <v>148</v>
      </c>
      <c r="B64">
        <v>145</v>
      </c>
      <c r="C64">
        <v>0</v>
      </c>
      <c r="D64" s="1">
        <v>40315</v>
      </c>
      <c r="E64">
        <v>0</v>
      </c>
      <c r="F64">
        <v>0</v>
      </c>
      <c r="G64">
        <v>385</v>
      </c>
      <c r="H64">
        <v>385</v>
      </c>
      <c r="I64">
        <v>385</v>
      </c>
      <c r="J64">
        <v>385</v>
      </c>
      <c r="K64">
        <v>385</v>
      </c>
      <c r="L64">
        <v>385</v>
      </c>
      <c r="M64">
        <v>385</v>
      </c>
      <c r="N64">
        <v>385</v>
      </c>
      <c r="O64">
        <v>385</v>
      </c>
      <c r="P64">
        <v>0</v>
      </c>
      <c r="Q64">
        <v>0</v>
      </c>
      <c r="R64">
        <v>0</v>
      </c>
      <c r="S64">
        <v>0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0</v>
      </c>
      <c r="AD64">
        <v>0</v>
      </c>
      <c r="AE64">
        <v>0</v>
      </c>
      <c r="AF64">
        <v>0</v>
      </c>
      <c r="AG64">
        <v>0</v>
      </c>
      <c r="AH64">
        <v>0</v>
      </c>
      <c r="AI64">
        <v>0</v>
      </c>
    </row>
    <row r="65" spans="1:35" x14ac:dyDescent="0.4">
      <c r="A65">
        <v>151</v>
      </c>
      <c r="B65">
        <v>148</v>
      </c>
      <c r="C65">
        <v>0</v>
      </c>
      <c r="D65" s="1">
        <v>40315</v>
      </c>
      <c r="E65">
        <v>0</v>
      </c>
      <c r="F65">
        <v>0</v>
      </c>
      <c r="G65">
        <v>495</v>
      </c>
      <c r="H65">
        <v>495</v>
      </c>
      <c r="I65">
        <v>495</v>
      </c>
      <c r="J65">
        <v>495</v>
      </c>
      <c r="K65">
        <v>495</v>
      </c>
      <c r="L65">
        <v>495</v>
      </c>
      <c r="M65">
        <v>495</v>
      </c>
      <c r="N65">
        <v>495</v>
      </c>
      <c r="O65">
        <v>495</v>
      </c>
      <c r="P65">
        <v>0</v>
      </c>
      <c r="Q65">
        <v>0</v>
      </c>
      <c r="R65">
        <v>0</v>
      </c>
      <c r="S65">
        <v>0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0</v>
      </c>
      <c r="AD65">
        <v>0</v>
      </c>
      <c r="AE65">
        <v>0</v>
      </c>
      <c r="AF65">
        <v>0</v>
      </c>
      <c r="AG65">
        <v>0</v>
      </c>
      <c r="AH65">
        <v>0</v>
      </c>
      <c r="AI65">
        <v>0</v>
      </c>
    </row>
    <row r="66" spans="1:35" x14ac:dyDescent="0.4">
      <c r="A66">
        <v>160</v>
      </c>
      <c r="B66">
        <v>157</v>
      </c>
      <c r="C66">
        <v>0</v>
      </c>
      <c r="D66" s="1">
        <v>40315</v>
      </c>
      <c r="E66">
        <v>0</v>
      </c>
      <c r="F66">
        <v>0</v>
      </c>
      <c r="G66">
        <v>660</v>
      </c>
      <c r="H66">
        <v>660</v>
      </c>
      <c r="I66">
        <v>660</v>
      </c>
      <c r="J66">
        <v>660</v>
      </c>
      <c r="K66">
        <v>660</v>
      </c>
      <c r="L66">
        <v>660</v>
      </c>
      <c r="M66">
        <v>660</v>
      </c>
      <c r="N66">
        <v>660</v>
      </c>
      <c r="O66">
        <v>660</v>
      </c>
      <c r="P66">
        <v>0</v>
      </c>
      <c r="Q66">
        <v>0</v>
      </c>
      <c r="R66">
        <v>0</v>
      </c>
      <c r="S66">
        <v>0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0</v>
      </c>
      <c r="AD66">
        <v>0</v>
      </c>
      <c r="AE66">
        <v>0</v>
      </c>
      <c r="AF66">
        <v>0</v>
      </c>
      <c r="AG66">
        <v>0</v>
      </c>
      <c r="AH66">
        <v>0</v>
      </c>
      <c r="AI66">
        <v>0</v>
      </c>
    </row>
    <row r="67" spans="1:35" x14ac:dyDescent="0.4">
      <c r="A67">
        <v>163</v>
      </c>
      <c r="B67">
        <v>160</v>
      </c>
      <c r="C67">
        <v>0</v>
      </c>
      <c r="D67" s="1">
        <v>40315</v>
      </c>
      <c r="E67">
        <v>0</v>
      </c>
      <c r="F67">
        <v>0</v>
      </c>
      <c r="G67">
        <v>660</v>
      </c>
      <c r="H67">
        <v>660</v>
      </c>
      <c r="I67">
        <v>660</v>
      </c>
      <c r="J67">
        <v>660</v>
      </c>
      <c r="K67">
        <v>660</v>
      </c>
      <c r="L67">
        <v>660</v>
      </c>
      <c r="M67">
        <v>660</v>
      </c>
      <c r="N67">
        <v>660</v>
      </c>
      <c r="O67">
        <v>660</v>
      </c>
      <c r="P67">
        <v>0</v>
      </c>
      <c r="Q67">
        <v>0</v>
      </c>
      <c r="R67">
        <v>0</v>
      </c>
      <c r="S67">
        <v>0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0</v>
      </c>
      <c r="AD67">
        <v>0</v>
      </c>
      <c r="AE67">
        <v>0</v>
      </c>
      <c r="AF67">
        <v>0</v>
      </c>
      <c r="AG67">
        <v>0</v>
      </c>
      <c r="AH67">
        <v>0</v>
      </c>
      <c r="AI67">
        <v>0</v>
      </c>
    </row>
    <row r="68" spans="1:35" x14ac:dyDescent="0.4">
      <c r="A68">
        <v>164</v>
      </c>
      <c r="B68">
        <v>161</v>
      </c>
      <c r="C68">
        <v>0</v>
      </c>
      <c r="D68" s="1">
        <v>40315</v>
      </c>
      <c r="E68">
        <v>0</v>
      </c>
      <c r="F68">
        <v>0</v>
      </c>
      <c r="G68">
        <v>660</v>
      </c>
      <c r="H68">
        <v>660</v>
      </c>
      <c r="I68">
        <v>660</v>
      </c>
      <c r="J68">
        <v>660</v>
      </c>
      <c r="K68">
        <v>660</v>
      </c>
      <c r="L68">
        <v>660</v>
      </c>
      <c r="M68">
        <v>660</v>
      </c>
      <c r="N68">
        <v>660</v>
      </c>
      <c r="O68">
        <v>660</v>
      </c>
      <c r="P68">
        <v>0</v>
      </c>
      <c r="Q68">
        <v>0</v>
      </c>
      <c r="R68">
        <v>0</v>
      </c>
      <c r="S68">
        <v>0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0</v>
      </c>
      <c r="AD68">
        <v>0</v>
      </c>
      <c r="AE68">
        <v>0</v>
      </c>
      <c r="AF68">
        <v>0</v>
      </c>
      <c r="AG68">
        <v>0</v>
      </c>
      <c r="AH68">
        <v>0</v>
      </c>
      <c r="AI68">
        <v>0</v>
      </c>
    </row>
    <row r="69" spans="1:35" x14ac:dyDescent="0.4">
      <c r="A69">
        <v>166</v>
      </c>
      <c r="B69">
        <v>163</v>
      </c>
      <c r="C69">
        <v>0</v>
      </c>
      <c r="D69" s="1">
        <v>40315</v>
      </c>
      <c r="E69">
        <v>0</v>
      </c>
      <c r="F69">
        <v>0</v>
      </c>
      <c r="G69">
        <v>528</v>
      </c>
      <c r="H69">
        <v>528</v>
      </c>
      <c r="I69">
        <v>528</v>
      </c>
      <c r="J69">
        <v>528</v>
      </c>
      <c r="K69">
        <v>528</v>
      </c>
      <c r="L69">
        <v>528</v>
      </c>
      <c r="M69">
        <v>528</v>
      </c>
      <c r="N69">
        <v>528</v>
      </c>
      <c r="O69">
        <v>528</v>
      </c>
      <c r="P69">
        <v>0</v>
      </c>
      <c r="Q69">
        <v>0</v>
      </c>
      <c r="R69">
        <v>0</v>
      </c>
      <c r="S69">
        <v>0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0</v>
      </c>
      <c r="AD69">
        <v>0</v>
      </c>
      <c r="AE69">
        <v>0</v>
      </c>
      <c r="AF69">
        <v>0</v>
      </c>
      <c r="AG69">
        <v>0</v>
      </c>
      <c r="AH69">
        <v>0</v>
      </c>
      <c r="AI69">
        <v>0</v>
      </c>
    </row>
    <row r="70" spans="1:35" x14ac:dyDescent="0.4">
      <c r="A70">
        <v>167</v>
      </c>
      <c r="B70">
        <v>164</v>
      </c>
      <c r="C70">
        <v>0</v>
      </c>
      <c r="D70" s="1">
        <v>40315</v>
      </c>
      <c r="E70">
        <v>0</v>
      </c>
      <c r="F70">
        <v>0</v>
      </c>
      <c r="G70">
        <v>605</v>
      </c>
      <c r="H70">
        <v>605</v>
      </c>
      <c r="I70">
        <v>605</v>
      </c>
      <c r="J70">
        <v>605</v>
      </c>
      <c r="K70">
        <v>605</v>
      </c>
      <c r="L70">
        <v>605</v>
      </c>
      <c r="M70">
        <v>605</v>
      </c>
      <c r="N70">
        <v>605</v>
      </c>
      <c r="O70">
        <v>605</v>
      </c>
      <c r="P70">
        <v>0</v>
      </c>
      <c r="Q70">
        <v>0</v>
      </c>
      <c r="R70">
        <v>0</v>
      </c>
      <c r="S70">
        <v>0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0</v>
      </c>
      <c r="AD70">
        <v>0</v>
      </c>
      <c r="AE70">
        <v>0</v>
      </c>
      <c r="AF70">
        <v>0</v>
      </c>
      <c r="AG70">
        <v>0</v>
      </c>
      <c r="AH70">
        <v>0</v>
      </c>
      <c r="AI70">
        <v>0</v>
      </c>
    </row>
    <row r="71" spans="1:35" x14ac:dyDescent="0.4">
      <c r="A71">
        <v>168</v>
      </c>
      <c r="B71">
        <v>165</v>
      </c>
      <c r="C71">
        <v>0</v>
      </c>
      <c r="D71" s="1">
        <v>40315</v>
      </c>
      <c r="E71">
        <v>0</v>
      </c>
      <c r="F71">
        <v>0</v>
      </c>
      <c r="G71">
        <v>528</v>
      </c>
      <c r="H71">
        <v>528</v>
      </c>
      <c r="I71">
        <v>528</v>
      </c>
      <c r="J71">
        <v>528</v>
      </c>
      <c r="K71">
        <v>528</v>
      </c>
      <c r="L71">
        <v>528</v>
      </c>
      <c r="M71">
        <v>528</v>
      </c>
      <c r="N71">
        <v>528</v>
      </c>
      <c r="O71">
        <v>528</v>
      </c>
      <c r="P71">
        <v>0</v>
      </c>
      <c r="Q71">
        <v>0</v>
      </c>
      <c r="R71">
        <v>0</v>
      </c>
      <c r="S71">
        <v>0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0</v>
      </c>
      <c r="AD71">
        <v>0</v>
      </c>
      <c r="AE71">
        <v>0</v>
      </c>
      <c r="AF71">
        <v>0</v>
      </c>
      <c r="AG71">
        <v>0</v>
      </c>
      <c r="AH71">
        <v>0</v>
      </c>
      <c r="AI71">
        <v>0</v>
      </c>
    </row>
    <row r="72" spans="1:35" x14ac:dyDescent="0.4">
      <c r="A72">
        <v>169</v>
      </c>
      <c r="B72">
        <v>166</v>
      </c>
      <c r="C72">
        <v>0</v>
      </c>
      <c r="D72" s="1">
        <v>40315</v>
      </c>
      <c r="E72">
        <v>0</v>
      </c>
      <c r="F72">
        <v>0</v>
      </c>
      <c r="G72">
        <v>605</v>
      </c>
      <c r="H72">
        <v>605</v>
      </c>
      <c r="I72">
        <v>605</v>
      </c>
      <c r="J72">
        <v>605</v>
      </c>
      <c r="K72">
        <v>605</v>
      </c>
      <c r="L72">
        <v>605</v>
      </c>
      <c r="M72">
        <v>605</v>
      </c>
      <c r="N72">
        <v>605</v>
      </c>
      <c r="O72">
        <v>605</v>
      </c>
      <c r="P72">
        <v>0</v>
      </c>
      <c r="Q72">
        <v>0</v>
      </c>
      <c r="R72">
        <v>0</v>
      </c>
      <c r="S72">
        <v>0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0</v>
      </c>
      <c r="AD72">
        <v>0</v>
      </c>
      <c r="AE72">
        <v>0</v>
      </c>
      <c r="AF72">
        <v>0</v>
      </c>
      <c r="AG72">
        <v>0</v>
      </c>
      <c r="AH72">
        <v>0</v>
      </c>
      <c r="AI72">
        <v>0</v>
      </c>
    </row>
    <row r="73" spans="1:35" x14ac:dyDescent="0.4">
      <c r="A73">
        <v>170</v>
      </c>
      <c r="B73">
        <v>167</v>
      </c>
      <c r="C73">
        <v>0</v>
      </c>
      <c r="D73" s="1">
        <v>40315</v>
      </c>
      <c r="E73">
        <v>0</v>
      </c>
      <c r="F73">
        <v>0</v>
      </c>
      <c r="G73">
        <v>550</v>
      </c>
      <c r="H73">
        <v>550</v>
      </c>
      <c r="I73">
        <v>550</v>
      </c>
      <c r="J73">
        <v>550</v>
      </c>
      <c r="K73">
        <v>550</v>
      </c>
      <c r="L73">
        <v>550</v>
      </c>
      <c r="M73">
        <v>550</v>
      </c>
      <c r="N73">
        <v>550</v>
      </c>
      <c r="O73">
        <v>550</v>
      </c>
      <c r="P73">
        <v>0</v>
      </c>
      <c r="Q73">
        <v>0</v>
      </c>
      <c r="R73">
        <v>0</v>
      </c>
      <c r="S73">
        <v>0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0</v>
      </c>
      <c r="AD73">
        <v>0</v>
      </c>
      <c r="AE73">
        <v>0</v>
      </c>
      <c r="AF73">
        <v>0</v>
      </c>
      <c r="AG73">
        <v>0</v>
      </c>
      <c r="AH73">
        <v>0</v>
      </c>
      <c r="AI73">
        <v>0</v>
      </c>
    </row>
    <row r="74" spans="1:35" x14ac:dyDescent="0.4">
      <c r="A74">
        <v>171</v>
      </c>
      <c r="B74">
        <v>168</v>
      </c>
      <c r="C74">
        <v>0</v>
      </c>
      <c r="D74" s="1">
        <v>40315</v>
      </c>
      <c r="E74">
        <v>0</v>
      </c>
      <c r="F74">
        <v>0</v>
      </c>
      <c r="G74">
        <v>528</v>
      </c>
      <c r="H74">
        <v>528</v>
      </c>
      <c r="I74">
        <v>528</v>
      </c>
      <c r="J74">
        <v>528</v>
      </c>
      <c r="K74">
        <v>528</v>
      </c>
      <c r="L74">
        <v>528</v>
      </c>
      <c r="M74">
        <v>528</v>
      </c>
      <c r="N74">
        <v>528</v>
      </c>
      <c r="O74">
        <v>528</v>
      </c>
      <c r="P74">
        <v>0</v>
      </c>
      <c r="Q74">
        <v>0</v>
      </c>
      <c r="R74">
        <v>0</v>
      </c>
      <c r="S74">
        <v>0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0</v>
      </c>
      <c r="AD74">
        <v>0</v>
      </c>
      <c r="AE74">
        <v>0</v>
      </c>
      <c r="AF74">
        <v>0</v>
      </c>
      <c r="AG74">
        <v>0</v>
      </c>
      <c r="AH74">
        <v>0</v>
      </c>
      <c r="AI74">
        <v>0</v>
      </c>
    </row>
    <row r="75" spans="1:35" x14ac:dyDescent="0.4">
      <c r="A75">
        <v>172</v>
      </c>
      <c r="B75">
        <v>169</v>
      </c>
      <c r="C75">
        <v>0</v>
      </c>
      <c r="D75" s="1">
        <v>40315</v>
      </c>
      <c r="E75">
        <v>0</v>
      </c>
      <c r="F75">
        <v>0</v>
      </c>
      <c r="G75">
        <v>495</v>
      </c>
      <c r="H75">
        <v>495</v>
      </c>
      <c r="I75">
        <v>495</v>
      </c>
      <c r="J75">
        <v>495</v>
      </c>
      <c r="K75">
        <v>495</v>
      </c>
      <c r="L75">
        <v>495</v>
      </c>
      <c r="M75">
        <v>495</v>
      </c>
      <c r="N75">
        <v>495</v>
      </c>
      <c r="O75">
        <v>495</v>
      </c>
      <c r="P75">
        <v>0</v>
      </c>
      <c r="Q75">
        <v>0</v>
      </c>
      <c r="R75">
        <v>0</v>
      </c>
      <c r="S75">
        <v>0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0</v>
      </c>
      <c r="AD75">
        <v>0</v>
      </c>
      <c r="AE75">
        <v>0</v>
      </c>
      <c r="AF75">
        <v>0</v>
      </c>
      <c r="AG75">
        <v>0</v>
      </c>
      <c r="AH75">
        <v>0</v>
      </c>
      <c r="AI75">
        <v>0</v>
      </c>
    </row>
    <row r="76" spans="1:35" x14ac:dyDescent="0.4">
      <c r="A76">
        <v>173</v>
      </c>
      <c r="B76">
        <v>170</v>
      </c>
      <c r="C76">
        <v>0</v>
      </c>
      <c r="D76" s="1">
        <v>40315</v>
      </c>
      <c r="E76">
        <v>0</v>
      </c>
      <c r="F76">
        <v>0</v>
      </c>
      <c r="G76">
        <v>528</v>
      </c>
      <c r="H76">
        <v>528</v>
      </c>
      <c r="I76">
        <v>528</v>
      </c>
      <c r="J76">
        <v>528</v>
      </c>
      <c r="K76">
        <v>528</v>
      </c>
      <c r="L76">
        <v>528</v>
      </c>
      <c r="M76">
        <v>528</v>
      </c>
      <c r="N76">
        <v>528</v>
      </c>
      <c r="O76">
        <v>528</v>
      </c>
      <c r="P76">
        <v>0</v>
      </c>
      <c r="Q76">
        <v>0</v>
      </c>
      <c r="R76">
        <v>0</v>
      </c>
      <c r="S76">
        <v>0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0</v>
      </c>
      <c r="AD76">
        <v>0</v>
      </c>
      <c r="AE76">
        <v>0</v>
      </c>
      <c r="AF76">
        <v>0</v>
      </c>
      <c r="AG76">
        <v>0</v>
      </c>
      <c r="AH76">
        <v>0</v>
      </c>
      <c r="AI76">
        <v>0</v>
      </c>
    </row>
    <row r="77" spans="1:35" x14ac:dyDescent="0.4">
      <c r="A77">
        <v>409</v>
      </c>
      <c r="B77">
        <v>406</v>
      </c>
      <c r="C77">
        <v>0</v>
      </c>
      <c r="D77" s="1">
        <v>45097</v>
      </c>
      <c r="E77">
        <v>0</v>
      </c>
      <c r="F77">
        <v>0</v>
      </c>
      <c r="G77">
        <v>200</v>
      </c>
      <c r="H77">
        <v>200</v>
      </c>
      <c r="I77">
        <v>200</v>
      </c>
      <c r="J77">
        <v>200</v>
      </c>
      <c r="K77">
        <v>200</v>
      </c>
      <c r="L77">
        <v>200</v>
      </c>
      <c r="M77">
        <v>200</v>
      </c>
      <c r="N77">
        <v>200</v>
      </c>
      <c r="O77">
        <v>200</v>
      </c>
      <c r="P77">
        <v>0</v>
      </c>
      <c r="Q77">
        <v>0</v>
      </c>
      <c r="R77">
        <v>0</v>
      </c>
      <c r="S77">
        <v>0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0</v>
      </c>
      <c r="AD77">
        <v>0</v>
      </c>
      <c r="AE77">
        <v>0</v>
      </c>
      <c r="AF77">
        <v>0</v>
      </c>
      <c r="AG77">
        <v>0</v>
      </c>
      <c r="AH77">
        <v>0</v>
      </c>
      <c r="AI77">
        <v>0</v>
      </c>
    </row>
    <row r="78" spans="1:35" x14ac:dyDescent="0.4">
      <c r="A78">
        <v>410</v>
      </c>
      <c r="B78">
        <v>408</v>
      </c>
      <c r="C78">
        <v>0</v>
      </c>
      <c r="D78" s="1">
        <v>45110</v>
      </c>
      <c r="E78">
        <v>0</v>
      </c>
      <c r="F78">
        <v>0</v>
      </c>
      <c r="G78">
        <v>660</v>
      </c>
      <c r="H78">
        <v>660</v>
      </c>
      <c r="I78">
        <v>660</v>
      </c>
      <c r="J78">
        <v>660</v>
      </c>
      <c r="K78">
        <v>0</v>
      </c>
      <c r="L78">
        <v>660</v>
      </c>
      <c r="M78">
        <v>660</v>
      </c>
      <c r="N78">
        <v>660</v>
      </c>
      <c r="O78">
        <v>660</v>
      </c>
      <c r="P78">
        <v>0</v>
      </c>
      <c r="Q78">
        <v>0</v>
      </c>
      <c r="R78">
        <v>0</v>
      </c>
      <c r="S78">
        <v>0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0</v>
      </c>
      <c r="AD78">
        <v>0</v>
      </c>
      <c r="AE78">
        <v>0</v>
      </c>
      <c r="AF78">
        <v>0</v>
      </c>
      <c r="AG78">
        <v>0</v>
      </c>
      <c r="AH78">
        <v>0</v>
      </c>
      <c r="AI78">
        <v>0</v>
      </c>
    </row>
    <row r="79" spans="1:35" x14ac:dyDescent="0.4">
      <c r="A79">
        <v>353</v>
      </c>
      <c r="B79">
        <v>350</v>
      </c>
      <c r="C79">
        <v>0</v>
      </c>
      <c r="D79" s="1">
        <v>43153</v>
      </c>
      <c r="E79">
        <v>0</v>
      </c>
      <c r="F79">
        <v>0</v>
      </c>
      <c r="G79">
        <v>352</v>
      </c>
      <c r="H79">
        <v>352</v>
      </c>
      <c r="I79">
        <v>352</v>
      </c>
      <c r="J79">
        <v>0</v>
      </c>
      <c r="K79">
        <v>0</v>
      </c>
      <c r="L79">
        <v>352</v>
      </c>
      <c r="M79">
        <v>352</v>
      </c>
      <c r="N79">
        <v>352</v>
      </c>
      <c r="O79">
        <v>352</v>
      </c>
      <c r="P79">
        <v>0</v>
      </c>
      <c r="Q79">
        <v>0</v>
      </c>
      <c r="R79">
        <v>0</v>
      </c>
      <c r="S79">
        <v>0</v>
      </c>
      <c r="T79">
        <v>0</v>
      </c>
      <c r="U79">
        <v>0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0</v>
      </c>
      <c r="AD79">
        <v>0</v>
      </c>
      <c r="AE79">
        <v>0</v>
      </c>
      <c r="AF79">
        <v>0</v>
      </c>
      <c r="AG79">
        <v>0</v>
      </c>
      <c r="AH79">
        <v>0</v>
      </c>
      <c r="AI79">
        <v>0</v>
      </c>
    </row>
    <row r="80" spans="1:35" x14ac:dyDescent="0.4">
      <c r="A80">
        <v>221</v>
      </c>
      <c r="B80">
        <v>218</v>
      </c>
      <c r="C80">
        <v>0</v>
      </c>
      <c r="D80" s="1">
        <v>40318</v>
      </c>
      <c r="E80">
        <v>0</v>
      </c>
      <c r="F80">
        <v>0</v>
      </c>
      <c r="G80">
        <v>418</v>
      </c>
      <c r="H80">
        <v>418</v>
      </c>
      <c r="I80">
        <v>418</v>
      </c>
      <c r="J80">
        <v>418</v>
      </c>
      <c r="K80">
        <v>418</v>
      </c>
      <c r="L80">
        <v>418</v>
      </c>
      <c r="M80">
        <v>418</v>
      </c>
      <c r="N80">
        <v>418</v>
      </c>
      <c r="O80">
        <v>418</v>
      </c>
      <c r="P80">
        <v>0</v>
      </c>
      <c r="Q80">
        <v>0</v>
      </c>
      <c r="R80">
        <v>0</v>
      </c>
      <c r="S80">
        <v>0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0</v>
      </c>
      <c r="AD80">
        <v>0</v>
      </c>
      <c r="AE80">
        <v>0</v>
      </c>
      <c r="AF80">
        <v>0</v>
      </c>
      <c r="AG80">
        <v>0</v>
      </c>
      <c r="AH80">
        <v>0</v>
      </c>
      <c r="AI80">
        <v>0</v>
      </c>
    </row>
    <row r="81" spans="1:35" x14ac:dyDescent="0.4">
      <c r="A81">
        <v>222</v>
      </c>
      <c r="B81">
        <v>219</v>
      </c>
      <c r="C81">
        <v>0</v>
      </c>
      <c r="D81" s="1">
        <v>40318</v>
      </c>
      <c r="E81">
        <v>0</v>
      </c>
      <c r="F81">
        <v>0</v>
      </c>
      <c r="G81">
        <v>418</v>
      </c>
      <c r="H81">
        <v>418</v>
      </c>
      <c r="I81">
        <v>418</v>
      </c>
      <c r="J81">
        <v>418</v>
      </c>
      <c r="K81">
        <v>418</v>
      </c>
      <c r="L81">
        <v>418</v>
      </c>
      <c r="M81">
        <v>418</v>
      </c>
      <c r="N81">
        <v>418</v>
      </c>
      <c r="O81">
        <v>418</v>
      </c>
      <c r="P81">
        <v>0</v>
      </c>
      <c r="Q81">
        <v>0</v>
      </c>
      <c r="R81">
        <v>0</v>
      </c>
      <c r="S81">
        <v>0</v>
      </c>
      <c r="T81">
        <v>0</v>
      </c>
      <c r="U81">
        <v>0</v>
      </c>
      <c r="V81">
        <v>0</v>
      </c>
      <c r="W81">
        <v>0</v>
      </c>
      <c r="X81">
        <v>0</v>
      </c>
      <c r="Y81">
        <v>0</v>
      </c>
      <c r="Z81">
        <v>0</v>
      </c>
      <c r="AA81">
        <v>0</v>
      </c>
      <c r="AB81">
        <v>0</v>
      </c>
      <c r="AC81">
        <v>0</v>
      </c>
      <c r="AD81">
        <v>0</v>
      </c>
      <c r="AE81">
        <v>0</v>
      </c>
      <c r="AF81">
        <v>0</v>
      </c>
      <c r="AG81">
        <v>0</v>
      </c>
      <c r="AH81">
        <v>0</v>
      </c>
      <c r="AI81">
        <v>0</v>
      </c>
    </row>
    <row r="82" spans="1:35" x14ac:dyDescent="0.4">
      <c r="A82">
        <v>411</v>
      </c>
      <c r="B82">
        <v>409</v>
      </c>
      <c r="C82">
        <v>0</v>
      </c>
      <c r="D82" s="1">
        <v>45110</v>
      </c>
      <c r="E82">
        <v>0</v>
      </c>
      <c r="F82">
        <v>0</v>
      </c>
      <c r="G82">
        <v>638</v>
      </c>
      <c r="H82">
        <v>638</v>
      </c>
      <c r="I82">
        <v>638</v>
      </c>
      <c r="J82">
        <v>638</v>
      </c>
      <c r="K82">
        <v>638</v>
      </c>
      <c r="L82">
        <v>638</v>
      </c>
      <c r="M82">
        <v>638</v>
      </c>
      <c r="N82">
        <v>638</v>
      </c>
      <c r="O82">
        <v>638</v>
      </c>
      <c r="P82">
        <v>0</v>
      </c>
      <c r="Q82">
        <v>0</v>
      </c>
      <c r="R82">
        <v>0</v>
      </c>
      <c r="S82">
        <v>0</v>
      </c>
      <c r="T82">
        <v>0</v>
      </c>
      <c r="U82">
        <v>0</v>
      </c>
      <c r="V82">
        <v>0</v>
      </c>
      <c r="W82">
        <v>0</v>
      </c>
      <c r="X82">
        <v>0</v>
      </c>
      <c r="Y82">
        <v>0</v>
      </c>
      <c r="Z82">
        <v>0</v>
      </c>
      <c r="AA82">
        <v>0</v>
      </c>
      <c r="AB82">
        <v>0</v>
      </c>
      <c r="AC82">
        <v>0</v>
      </c>
      <c r="AD82">
        <v>0</v>
      </c>
      <c r="AE82">
        <v>0</v>
      </c>
      <c r="AF82">
        <v>0</v>
      </c>
      <c r="AG82">
        <v>0</v>
      </c>
      <c r="AH82">
        <v>0</v>
      </c>
      <c r="AI82">
        <v>0</v>
      </c>
    </row>
    <row r="83" spans="1:35" x14ac:dyDescent="0.4">
      <c r="A83">
        <v>342</v>
      </c>
      <c r="B83">
        <v>339</v>
      </c>
      <c r="C83">
        <v>0</v>
      </c>
      <c r="D83" s="1">
        <v>43000</v>
      </c>
      <c r="E83">
        <v>0</v>
      </c>
      <c r="F83">
        <v>0</v>
      </c>
      <c r="G83">
        <v>352</v>
      </c>
      <c r="H83">
        <v>352</v>
      </c>
      <c r="I83">
        <v>352</v>
      </c>
      <c r="J83">
        <v>0</v>
      </c>
      <c r="K83">
        <v>0</v>
      </c>
      <c r="L83">
        <v>352</v>
      </c>
      <c r="M83">
        <v>352</v>
      </c>
      <c r="N83">
        <v>352</v>
      </c>
      <c r="O83">
        <v>352</v>
      </c>
      <c r="P83">
        <v>0</v>
      </c>
      <c r="Q83">
        <v>0</v>
      </c>
      <c r="R83">
        <v>0</v>
      </c>
      <c r="S83">
        <v>0</v>
      </c>
      <c r="T83">
        <v>0</v>
      </c>
      <c r="U83">
        <v>0</v>
      </c>
      <c r="V83">
        <v>0</v>
      </c>
      <c r="W83">
        <v>0</v>
      </c>
      <c r="X83">
        <v>0</v>
      </c>
      <c r="Y83">
        <v>0</v>
      </c>
      <c r="Z83">
        <v>0</v>
      </c>
      <c r="AA83">
        <v>0</v>
      </c>
      <c r="AB83">
        <v>0</v>
      </c>
      <c r="AC83">
        <v>0</v>
      </c>
      <c r="AD83">
        <v>0</v>
      </c>
      <c r="AE83">
        <v>0</v>
      </c>
      <c r="AF83">
        <v>0</v>
      </c>
      <c r="AG83">
        <v>0</v>
      </c>
      <c r="AH83">
        <v>0</v>
      </c>
      <c r="AI83">
        <v>0</v>
      </c>
    </row>
    <row r="84" spans="1:35" x14ac:dyDescent="0.4">
      <c r="A84">
        <v>343</v>
      </c>
      <c r="B84">
        <v>340</v>
      </c>
      <c r="C84">
        <v>0</v>
      </c>
      <c r="D84" s="1">
        <v>43000</v>
      </c>
      <c r="E84">
        <v>0</v>
      </c>
      <c r="F84">
        <v>0</v>
      </c>
      <c r="G84">
        <v>550</v>
      </c>
      <c r="H84">
        <v>550</v>
      </c>
      <c r="I84">
        <v>550</v>
      </c>
      <c r="J84">
        <v>0</v>
      </c>
      <c r="K84">
        <v>0</v>
      </c>
      <c r="L84">
        <v>550</v>
      </c>
      <c r="M84">
        <v>550</v>
      </c>
      <c r="N84">
        <v>550</v>
      </c>
      <c r="O84">
        <v>550</v>
      </c>
      <c r="P84">
        <v>0</v>
      </c>
      <c r="Q84">
        <v>0</v>
      </c>
      <c r="R84">
        <v>0</v>
      </c>
      <c r="S84">
        <v>0</v>
      </c>
      <c r="T84">
        <v>0</v>
      </c>
      <c r="U84">
        <v>0</v>
      </c>
      <c r="V84">
        <v>0</v>
      </c>
      <c r="W84">
        <v>0</v>
      </c>
      <c r="X84">
        <v>0</v>
      </c>
      <c r="Y84">
        <v>0</v>
      </c>
      <c r="Z84">
        <v>0</v>
      </c>
      <c r="AA84">
        <v>0</v>
      </c>
      <c r="AB84">
        <v>0</v>
      </c>
      <c r="AC84">
        <v>0</v>
      </c>
      <c r="AD84">
        <v>0</v>
      </c>
      <c r="AE84">
        <v>0</v>
      </c>
      <c r="AF84">
        <v>0</v>
      </c>
      <c r="AG84">
        <v>0</v>
      </c>
      <c r="AH84">
        <v>0</v>
      </c>
      <c r="AI84">
        <v>0</v>
      </c>
    </row>
    <row r="85" spans="1:35" x14ac:dyDescent="0.4">
      <c r="A85">
        <v>344</v>
      </c>
      <c r="B85">
        <v>341</v>
      </c>
      <c r="C85">
        <v>0</v>
      </c>
      <c r="D85" s="1">
        <v>43000</v>
      </c>
      <c r="E85">
        <v>0</v>
      </c>
      <c r="F85">
        <v>0</v>
      </c>
      <c r="G85">
        <v>550</v>
      </c>
      <c r="H85">
        <v>550</v>
      </c>
      <c r="I85">
        <v>550</v>
      </c>
      <c r="J85">
        <v>0</v>
      </c>
      <c r="K85">
        <v>0</v>
      </c>
      <c r="L85">
        <v>550</v>
      </c>
      <c r="M85">
        <v>550</v>
      </c>
      <c r="N85">
        <v>550</v>
      </c>
      <c r="O85">
        <v>550</v>
      </c>
      <c r="P85">
        <v>0</v>
      </c>
      <c r="Q85">
        <v>0</v>
      </c>
      <c r="R85">
        <v>0</v>
      </c>
      <c r="S85">
        <v>0</v>
      </c>
      <c r="T85">
        <v>0</v>
      </c>
      <c r="U85">
        <v>0</v>
      </c>
      <c r="V85">
        <v>0</v>
      </c>
      <c r="W85">
        <v>0</v>
      </c>
      <c r="X85">
        <v>0</v>
      </c>
      <c r="Y85">
        <v>0</v>
      </c>
      <c r="Z85">
        <v>0</v>
      </c>
      <c r="AA85">
        <v>0</v>
      </c>
      <c r="AB85">
        <v>0</v>
      </c>
      <c r="AC85">
        <v>0</v>
      </c>
      <c r="AD85">
        <v>0</v>
      </c>
      <c r="AE85">
        <v>0</v>
      </c>
      <c r="AF85">
        <v>0</v>
      </c>
      <c r="AG85">
        <v>0</v>
      </c>
      <c r="AH85">
        <v>0</v>
      </c>
      <c r="AI85">
        <v>0</v>
      </c>
    </row>
    <row r="86" spans="1:35" x14ac:dyDescent="0.4">
      <c r="A86">
        <v>345</v>
      </c>
      <c r="B86">
        <v>342</v>
      </c>
      <c r="C86">
        <v>0</v>
      </c>
      <c r="D86" s="1">
        <v>43000</v>
      </c>
      <c r="E86">
        <v>0</v>
      </c>
      <c r="F86">
        <v>0</v>
      </c>
      <c r="G86">
        <v>550</v>
      </c>
      <c r="H86">
        <v>550</v>
      </c>
      <c r="I86">
        <v>550</v>
      </c>
      <c r="J86">
        <v>0</v>
      </c>
      <c r="K86">
        <v>0</v>
      </c>
      <c r="L86">
        <v>550</v>
      </c>
      <c r="M86">
        <v>550</v>
      </c>
      <c r="N86">
        <v>550</v>
      </c>
      <c r="O86">
        <v>550</v>
      </c>
      <c r="P86">
        <v>0</v>
      </c>
      <c r="Q86">
        <v>0</v>
      </c>
      <c r="R86">
        <v>0</v>
      </c>
      <c r="S86">
        <v>0</v>
      </c>
      <c r="T86">
        <v>0</v>
      </c>
      <c r="U86">
        <v>0</v>
      </c>
      <c r="V86">
        <v>0</v>
      </c>
      <c r="W86">
        <v>0</v>
      </c>
      <c r="X86">
        <v>0</v>
      </c>
      <c r="Y86">
        <v>0</v>
      </c>
      <c r="Z86">
        <v>0</v>
      </c>
      <c r="AA86">
        <v>0</v>
      </c>
      <c r="AB86">
        <v>0</v>
      </c>
      <c r="AC86">
        <v>0</v>
      </c>
      <c r="AD86">
        <v>0</v>
      </c>
      <c r="AE86">
        <v>0</v>
      </c>
      <c r="AF86">
        <v>0</v>
      </c>
      <c r="AG86">
        <v>0</v>
      </c>
      <c r="AH86">
        <v>0</v>
      </c>
      <c r="AI86">
        <v>0</v>
      </c>
    </row>
    <row r="87" spans="1:35" x14ac:dyDescent="0.4">
      <c r="A87">
        <v>412</v>
      </c>
      <c r="B87">
        <v>410</v>
      </c>
      <c r="C87">
        <v>0</v>
      </c>
      <c r="D87" s="1">
        <v>45110</v>
      </c>
      <c r="E87">
        <v>0</v>
      </c>
      <c r="F87">
        <v>0</v>
      </c>
      <c r="G87">
        <v>440</v>
      </c>
      <c r="H87">
        <v>440</v>
      </c>
      <c r="I87">
        <v>440</v>
      </c>
      <c r="J87">
        <v>440</v>
      </c>
      <c r="K87">
        <v>440</v>
      </c>
      <c r="L87">
        <v>440</v>
      </c>
      <c r="M87">
        <v>440</v>
      </c>
      <c r="N87">
        <v>440</v>
      </c>
      <c r="O87">
        <v>440</v>
      </c>
      <c r="P87">
        <v>0</v>
      </c>
      <c r="Q87">
        <v>0</v>
      </c>
      <c r="R87">
        <v>0</v>
      </c>
      <c r="S87">
        <v>0</v>
      </c>
      <c r="T87">
        <v>0</v>
      </c>
      <c r="U87">
        <v>0</v>
      </c>
      <c r="V87">
        <v>0</v>
      </c>
      <c r="W87">
        <v>0</v>
      </c>
      <c r="X87">
        <v>0</v>
      </c>
      <c r="Y87">
        <v>0</v>
      </c>
      <c r="Z87">
        <v>0</v>
      </c>
      <c r="AA87">
        <v>0</v>
      </c>
      <c r="AB87">
        <v>0</v>
      </c>
      <c r="AC87">
        <v>0</v>
      </c>
      <c r="AD87">
        <v>0</v>
      </c>
      <c r="AE87">
        <v>0</v>
      </c>
      <c r="AF87">
        <v>0</v>
      </c>
      <c r="AG87">
        <v>0</v>
      </c>
      <c r="AH87">
        <v>0</v>
      </c>
      <c r="AI87">
        <v>0</v>
      </c>
    </row>
    <row r="88" spans="1:35" x14ac:dyDescent="0.4">
      <c r="A88">
        <v>413</v>
      </c>
      <c r="B88">
        <v>411</v>
      </c>
      <c r="C88">
        <v>0</v>
      </c>
      <c r="D88" s="1">
        <v>45110</v>
      </c>
      <c r="E88">
        <v>0</v>
      </c>
      <c r="F88">
        <v>0</v>
      </c>
      <c r="G88">
        <v>352</v>
      </c>
      <c r="H88">
        <v>352</v>
      </c>
      <c r="I88">
        <v>352</v>
      </c>
      <c r="J88">
        <v>352</v>
      </c>
      <c r="K88">
        <v>352</v>
      </c>
      <c r="L88">
        <v>352</v>
      </c>
      <c r="M88">
        <v>352</v>
      </c>
      <c r="N88">
        <v>352</v>
      </c>
      <c r="O88">
        <v>352</v>
      </c>
      <c r="P88">
        <v>0</v>
      </c>
      <c r="Q88">
        <v>0</v>
      </c>
      <c r="R88">
        <v>0</v>
      </c>
      <c r="S88">
        <v>0</v>
      </c>
      <c r="T88">
        <v>0</v>
      </c>
      <c r="U88">
        <v>0</v>
      </c>
      <c r="V88">
        <v>0</v>
      </c>
      <c r="W88">
        <v>0</v>
      </c>
      <c r="X88">
        <v>0</v>
      </c>
      <c r="Y88">
        <v>0</v>
      </c>
      <c r="Z88">
        <v>0</v>
      </c>
      <c r="AA88">
        <v>0</v>
      </c>
      <c r="AB88">
        <v>0</v>
      </c>
      <c r="AC88">
        <v>0</v>
      </c>
      <c r="AD88">
        <v>0</v>
      </c>
      <c r="AE88">
        <v>0</v>
      </c>
      <c r="AF88">
        <v>0</v>
      </c>
      <c r="AG88">
        <v>0</v>
      </c>
      <c r="AH88">
        <v>0</v>
      </c>
      <c r="AI88">
        <v>0</v>
      </c>
    </row>
    <row r="89" spans="1:35" x14ac:dyDescent="0.4">
      <c r="A89">
        <v>352</v>
      </c>
      <c r="B89">
        <v>349</v>
      </c>
      <c r="C89">
        <v>0</v>
      </c>
      <c r="D89" s="1">
        <v>43000</v>
      </c>
      <c r="E89">
        <v>0</v>
      </c>
      <c r="F89">
        <v>0</v>
      </c>
      <c r="G89">
        <v>0</v>
      </c>
      <c r="H89">
        <v>0</v>
      </c>
      <c r="I89">
        <v>0</v>
      </c>
      <c r="J89">
        <v>0</v>
      </c>
      <c r="K89">
        <v>0</v>
      </c>
      <c r="L89">
        <v>0</v>
      </c>
      <c r="M89">
        <v>0</v>
      </c>
      <c r="N89">
        <v>0</v>
      </c>
      <c r="O89">
        <v>0</v>
      </c>
      <c r="P89">
        <v>0</v>
      </c>
      <c r="Q89">
        <v>0</v>
      </c>
      <c r="R89">
        <v>0</v>
      </c>
      <c r="S89">
        <v>0</v>
      </c>
      <c r="T89">
        <v>0</v>
      </c>
      <c r="U89">
        <v>0</v>
      </c>
      <c r="V89">
        <v>0</v>
      </c>
      <c r="W89">
        <v>0</v>
      </c>
      <c r="X89">
        <v>0</v>
      </c>
      <c r="Y89">
        <v>0</v>
      </c>
      <c r="Z89">
        <v>0</v>
      </c>
      <c r="AA89">
        <v>0</v>
      </c>
      <c r="AB89">
        <v>0</v>
      </c>
      <c r="AC89">
        <v>0</v>
      </c>
      <c r="AD89">
        <v>0</v>
      </c>
      <c r="AE89">
        <v>0</v>
      </c>
      <c r="AF89">
        <v>0</v>
      </c>
      <c r="AG89">
        <v>0</v>
      </c>
      <c r="AH89">
        <v>0</v>
      </c>
      <c r="AI89">
        <v>0</v>
      </c>
    </row>
    <row r="90" spans="1:35" x14ac:dyDescent="0.4">
      <c r="A90">
        <v>414</v>
      </c>
      <c r="B90">
        <v>412</v>
      </c>
      <c r="C90">
        <v>0</v>
      </c>
      <c r="D90" s="1">
        <v>45110</v>
      </c>
      <c r="E90">
        <v>0</v>
      </c>
      <c r="F90">
        <v>0</v>
      </c>
      <c r="G90">
        <v>385</v>
      </c>
      <c r="H90">
        <v>385</v>
      </c>
      <c r="I90">
        <v>385</v>
      </c>
      <c r="J90">
        <v>385</v>
      </c>
      <c r="K90">
        <v>385</v>
      </c>
      <c r="L90">
        <v>385</v>
      </c>
      <c r="M90">
        <v>385</v>
      </c>
      <c r="N90">
        <v>385</v>
      </c>
      <c r="O90">
        <v>385</v>
      </c>
      <c r="P90">
        <v>0</v>
      </c>
      <c r="Q90">
        <v>0</v>
      </c>
      <c r="R90">
        <v>0</v>
      </c>
      <c r="S90">
        <v>0</v>
      </c>
      <c r="T90">
        <v>0</v>
      </c>
      <c r="U90">
        <v>0</v>
      </c>
      <c r="V90">
        <v>0</v>
      </c>
      <c r="W90">
        <v>0</v>
      </c>
      <c r="X90">
        <v>0</v>
      </c>
      <c r="Y90">
        <v>0</v>
      </c>
      <c r="Z90">
        <v>0</v>
      </c>
      <c r="AA90">
        <v>0</v>
      </c>
      <c r="AB90">
        <v>0</v>
      </c>
      <c r="AC90">
        <v>0</v>
      </c>
      <c r="AD90">
        <v>0</v>
      </c>
      <c r="AE90">
        <v>0</v>
      </c>
      <c r="AF90">
        <v>0</v>
      </c>
      <c r="AG90">
        <v>0</v>
      </c>
      <c r="AH90">
        <v>0</v>
      </c>
      <c r="AI90">
        <v>0</v>
      </c>
    </row>
    <row r="91" spans="1:35" x14ac:dyDescent="0.4">
      <c r="A91">
        <v>415</v>
      </c>
      <c r="B91">
        <v>413</v>
      </c>
      <c r="C91">
        <v>0</v>
      </c>
      <c r="D91" s="1">
        <v>45110</v>
      </c>
      <c r="E91">
        <v>0</v>
      </c>
      <c r="F91">
        <v>0</v>
      </c>
      <c r="G91">
        <v>605</v>
      </c>
      <c r="H91">
        <v>605</v>
      </c>
      <c r="I91">
        <v>605</v>
      </c>
      <c r="J91">
        <v>605</v>
      </c>
      <c r="K91">
        <v>605</v>
      </c>
      <c r="L91">
        <v>605</v>
      </c>
      <c r="M91">
        <v>605</v>
      </c>
      <c r="N91">
        <v>605</v>
      </c>
      <c r="O91">
        <v>605</v>
      </c>
      <c r="P91">
        <v>0</v>
      </c>
      <c r="Q91">
        <v>0</v>
      </c>
      <c r="R91">
        <v>0</v>
      </c>
      <c r="S91">
        <v>0</v>
      </c>
      <c r="T91">
        <v>0</v>
      </c>
      <c r="U91">
        <v>0</v>
      </c>
      <c r="V91">
        <v>0</v>
      </c>
      <c r="W91">
        <v>0</v>
      </c>
      <c r="X91">
        <v>0</v>
      </c>
      <c r="Y91">
        <v>0</v>
      </c>
      <c r="Z91">
        <v>0</v>
      </c>
      <c r="AA91">
        <v>0</v>
      </c>
      <c r="AB91">
        <v>0</v>
      </c>
      <c r="AC91">
        <v>0</v>
      </c>
      <c r="AD91">
        <v>0</v>
      </c>
      <c r="AE91">
        <v>0</v>
      </c>
      <c r="AF91">
        <v>0</v>
      </c>
      <c r="AG91">
        <v>0</v>
      </c>
      <c r="AH91">
        <v>0</v>
      </c>
      <c r="AI91">
        <v>0</v>
      </c>
    </row>
    <row r="92" spans="1:35" x14ac:dyDescent="0.4">
      <c r="A92">
        <v>416</v>
      </c>
      <c r="B92">
        <v>414</v>
      </c>
      <c r="C92">
        <v>0</v>
      </c>
      <c r="D92" s="1">
        <v>45110</v>
      </c>
      <c r="E92">
        <v>0</v>
      </c>
      <c r="F92">
        <v>0</v>
      </c>
      <c r="G92">
        <v>418</v>
      </c>
      <c r="H92">
        <v>418</v>
      </c>
      <c r="I92">
        <v>418</v>
      </c>
      <c r="J92">
        <v>418</v>
      </c>
      <c r="K92">
        <v>418</v>
      </c>
      <c r="L92">
        <v>418</v>
      </c>
      <c r="M92">
        <v>418</v>
      </c>
      <c r="N92">
        <v>418</v>
      </c>
      <c r="O92">
        <v>418</v>
      </c>
      <c r="P92">
        <v>0</v>
      </c>
      <c r="Q92">
        <v>0</v>
      </c>
      <c r="R92">
        <v>0</v>
      </c>
      <c r="S92">
        <v>0</v>
      </c>
      <c r="T92">
        <v>0</v>
      </c>
      <c r="U92">
        <v>0</v>
      </c>
      <c r="V92">
        <v>0</v>
      </c>
      <c r="W92">
        <v>0</v>
      </c>
      <c r="X92">
        <v>0</v>
      </c>
      <c r="Y92">
        <v>0</v>
      </c>
      <c r="Z92">
        <v>0</v>
      </c>
      <c r="AA92">
        <v>0</v>
      </c>
      <c r="AB92">
        <v>0</v>
      </c>
      <c r="AC92">
        <v>0</v>
      </c>
      <c r="AD92">
        <v>0</v>
      </c>
      <c r="AE92">
        <v>0</v>
      </c>
      <c r="AF92">
        <v>0</v>
      </c>
      <c r="AG92">
        <v>0</v>
      </c>
      <c r="AH92">
        <v>0</v>
      </c>
      <c r="AI92">
        <v>0</v>
      </c>
    </row>
    <row r="93" spans="1:35" x14ac:dyDescent="0.4">
      <c r="A93">
        <v>417</v>
      </c>
      <c r="B93">
        <v>415</v>
      </c>
      <c r="C93">
        <v>0</v>
      </c>
      <c r="D93" s="1">
        <v>45110</v>
      </c>
      <c r="E93">
        <v>0</v>
      </c>
      <c r="F93">
        <v>0</v>
      </c>
      <c r="G93">
        <v>748</v>
      </c>
      <c r="H93">
        <v>748</v>
      </c>
      <c r="I93">
        <v>748</v>
      </c>
      <c r="J93">
        <v>748</v>
      </c>
      <c r="K93">
        <v>748</v>
      </c>
      <c r="L93">
        <v>748</v>
      </c>
      <c r="M93">
        <v>748</v>
      </c>
      <c r="N93">
        <v>748</v>
      </c>
      <c r="O93">
        <v>748</v>
      </c>
      <c r="P93">
        <v>0</v>
      </c>
      <c r="Q93">
        <v>0</v>
      </c>
      <c r="R93">
        <v>0</v>
      </c>
      <c r="S93">
        <v>0</v>
      </c>
      <c r="T93">
        <v>0</v>
      </c>
      <c r="U93">
        <v>0</v>
      </c>
      <c r="V93">
        <v>0</v>
      </c>
      <c r="W93">
        <v>0</v>
      </c>
      <c r="X93">
        <v>0</v>
      </c>
      <c r="Y93">
        <v>0</v>
      </c>
      <c r="Z93">
        <v>0</v>
      </c>
      <c r="AA93">
        <v>0</v>
      </c>
      <c r="AB93">
        <v>0</v>
      </c>
      <c r="AC93">
        <v>0</v>
      </c>
      <c r="AD93">
        <v>0</v>
      </c>
      <c r="AE93">
        <v>0</v>
      </c>
      <c r="AF93">
        <v>0</v>
      </c>
      <c r="AG93">
        <v>0</v>
      </c>
      <c r="AH93">
        <v>0</v>
      </c>
      <c r="AI93">
        <v>0</v>
      </c>
    </row>
    <row r="94" spans="1:35" x14ac:dyDescent="0.4">
      <c r="A94">
        <v>239</v>
      </c>
      <c r="B94">
        <v>236</v>
      </c>
      <c r="C94">
        <v>0</v>
      </c>
      <c r="D94" s="1">
        <v>40319</v>
      </c>
      <c r="E94">
        <v>0</v>
      </c>
      <c r="F94">
        <v>0</v>
      </c>
      <c r="G94">
        <v>440</v>
      </c>
      <c r="H94">
        <v>440</v>
      </c>
      <c r="I94">
        <v>0</v>
      </c>
      <c r="J94">
        <v>0</v>
      </c>
      <c r="K94">
        <v>0</v>
      </c>
      <c r="L94">
        <v>440</v>
      </c>
      <c r="M94">
        <v>440</v>
      </c>
      <c r="N94">
        <v>440</v>
      </c>
      <c r="O94">
        <v>440</v>
      </c>
      <c r="P94">
        <v>0</v>
      </c>
      <c r="Q94">
        <v>0</v>
      </c>
      <c r="R94">
        <v>0</v>
      </c>
      <c r="S94">
        <v>0</v>
      </c>
      <c r="T94">
        <v>0</v>
      </c>
      <c r="U94">
        <v>0</v>
      </c>
      <c r="V94">
        <v>0</v>
      </c>
      <c r="W94">
        <v>0</v>
      </c>
      <c r="X94">
        <v>0</v>
      </c>
      <c r="Y94">
        <v>0</v>
      </c>
      <c r="Z94">
        <v>0</v>
      </c>
      <c r="AA94">
        <v>0</v>
      </c>
      <c r="AB94">
        <v>0</v>
      </c>
      <c r="AC94">
        <v>0</v>
      </c>
      <c r="AD94">
        <v>0</v>
      </c>
      <c r="AE94">
        <v>0</v>
      </c>
      <c r="AF94">
        <v>0</v>
      </c>
      <c r="AG94">
        <v>0</v>
      </c>
      <c r="AH94">
        <v>0</v>
      </c>
      <c r="AI94">
        <v>0</v>
      </c>
    </row>
    <row r="95" spans="1:35" x14ac:dyDescent="0.4">
      <c r="A95">
        <v>418</v>
      </c>
      <c r="B95">
        <v>416</v>
      </c>
      <c r="C95">
        <v>0</v>
      </c>
      <c r="D95" s="1">
        <v>45110</v>
      </c>
      <c r="E95">
        <v>0</v>
      </c>
      <c r="F95">
        <v>0</v>
      </c>
      <c r="G95">
        <v>978</v>
      </c>
      <c r="H95">
        <v>978</v>
      </c>
      <c r="I95">
        <v>978</v>
      </c>
      <c r="J95">
        <v>978</v>
      </c>
      <c r="K95">
        <v>978</v>
      </c>
      <c r="L95">
        <v>978</v>
      </c>
      <c r="M95">
        <v>978</v>
      </c>
      <c r="N95">
        <v>978</v>
      </c>
      <c r="O95">
        <v>978</v>
      </c>
      <c r="P95">
        <v>0</v>
      </c>
      <c r="Q95">
        <v>0</v>
      </c>
      <c r="R95">
        <v>0</v>
      </c>
      <c r="S95">
        <v>0</v>
      </c>
      <c r="T95">
        <v>0</v>
      </c>
      <c r="U95">
        <v>0</v>
      </c>
      <c r="V95">
        <v>0</v>
      </c>
      <c r="W95">
        <v>0</v>
      </c>
      <c r="X95">
        <v>0</v>
      </c>
      <c r="Y95">
        <v>0</v>
      </c>
      <c r="Z95">
        <v>0</v>
      </c>
      <c r="AA95">
        <v>0</v>
      </c>
      <c r="AB95">
        <v>0</v>
      </c>
      <c r="AC95">
        <v>0</v>
      </c>
      <c r="AD95">
        <v>0</v>
      </c>
      <c r="AE95">
        <v>0</v>
      </c>
      <c r="AF95">
        <v>0</v>
      </c>
      <c r="AG95">
        <v>0</v>
      </c>
      <c r="AH95">
        <v>0</v>
      </c>
      <c r="AI95">
        <v>0</v>
      </c>
    </row>
    <row r="96" spans="1:35" x14ac:dyDescent="0.4">
      <c r="A96">
        <v>419</v>
      </c>
      <c r="B96">
        <v>417</v>
      </c>
      <c r="C96">
        <v>0</v>
      </c>
      <c r="D96" s="1">
        <v>45110</v>
      </c>
      <c r="E96">
        <v>0</v>
      </c>
      <c r="F96">
        <v>0</v>
      </c>
      <c r="G96">
        <v>50</v>
      </c>
      <c r="H96">
        <v>50</v>
      </c>
      <c r="I96">
        <v>50</v>
      </c>
      <c r="J96">
        <v>50</v>
      </c>
      <c r="K96">
        <v>50</v>
      </c>
      <c r="L96">
        <v>50</v>
      </c>
      <c r="M96">
        <v>50</v>
      </c>
      <c r="N96">
        <v>50</v>
      </c>
      <c r="O96">
        <v>50</v>
      </c>
      <c r="P96">
        <v>0</v>
      </c>
      <c r="Q96">
        <v>0</v>
      </c>
      <c r="R96">
        <v>0</v>
      </c>
      <c r="S96">
        <v>0</v>
      </c>
      <c r="T96">
        <v>0</v>
      </c>
      <c r="U96">
        <v>0</v>
      </c>
      <c r="V96">
        <v>0</v>
      </c>
      <c r="W96">
        <v>0</v>
      </c>
      <c r="X96">
        <v>0</v>
      </c>
      <c r="Y96">
        <v>0</v>
      </c>
      <c r="Z96">
        <v>0</v>
      </c>
      <c r="AA96">
        <v>0</v>
      </c>
      <c r="AB96">
        <v>0</v>
      </c>
      <c r="AC96">
        <v>0</v>
      </c>
      <c r="AD96">
        <v>0</v>
      </c>
      <c r="AE96">
        <v>0</v>
      </c>
      <c r="AF96">
        <v>0</v>
      </c>
      <c r="AG96">
        <v>0</v>
      </c>
      <c r="AH96">
        <v>0</v>
      </c>
      <c r="AI96">
        <v>0</v>
      </c>
    </row>
    <row r="97" spans="1:35" x14ac:dyDescent="0.4">
      <c r="A97">
        <v>420</v>
      </c>
      <c r="B97">
        <v>418</v>
      </c>
      <c r="C97">
        <v>0</v>
      </c>
      <c r="D97" s="1">
        <v>45110</v>
      </c>
      <c r="E97">
        <v>0</v>
      </c>
      <c r="F97">
        <v>0</v>
      </c>
      <c r="G97">
        <v>110</v>
      </c>
      <c r="H97">
        <v>110</v>
      </c>
      <c r="I97">
        <v>110</v>
      </c>
      <c r="J97">
        <v>110</v>
      </c>
      <c r="K97">
        <v>110</v>
      </c>
      <c r="L97">
        <v>110</v>
      </c>
      <c r="M97">
        <v>110</v>
      </c>
      <c r="N97">
        <v>110</v>
      </c>
      <c r="O97">
        <v>110</v>
      </c>
      <c r="P97">
        <v>0</v>
      </c>
      <c r="Q97">
        <v>0</v>
      </c>
      <c r="R97">
        <v>0</v>
      </c>
      <c r="S97">
        <v>0</v>
      </c>
      <c r="T97">
        <v>0</v>
      </c>
      <c r="U97">
        <v>0</v>
      </c>
      <c r="V97">
        <v>0</v>
      </c>
      <c r="W97">
        <v>0</v>
      </c>
      <c r="X97">
        <v>0</v>
      </c>
      <c r="Y97">
        <v>0</v>
      </c>
      <c r="Z97">
        <v>0</v>
      </c>
      <c r="AA97">
        <v>0</v>
      </c>
      <c r="AB97">
        <v>0</v>
      </c>
      <c r="AC97">
        <v>0</v>
      </c>
      <c r="AD97">
        <v>0</v>
      </c>
      <c r="AE97">
        <v>0</v>
      </c>
      <c r="AF97">
        <v>0</v>
      </c>
      <c r="AG97">
        <v>0</v>
      </c>
      <c r="AH97">
        <v>0</v>
      </c>
      <c r="AI97">
        <v>0</v>
      </c>
    </row>
    <row r="98" spans="1:35" x14ac:dyDescent="0.4">
      <c r="A98">
        <v>421</v>
      </c>
      <c r="B98">
        <v>419</v>
      </c>
      <c r="C98">
        <v>0</v>
      </c>
      <c r="D98" s="1">
        <v>45110</v>
      </c>
      <c r="E98">
        <v>0</v>
      </c>
      <c r="F98">
        <v>0</v>
      </c>
      <c r="G98">
        <v>50</v>
      </c>
      <c r="H98">
        <v>50</v>
      </c>
      <c r="I98">
        <v>50</v>
      </c>
      <c r="J98">
        <v>50</v>
      </c>
      <c r="K98">
        <v>50</v>
      </c>
      <c r="L98">
        <v>50</v>
      </c>
      <c r="M98">
        <v>50</v>
      </c>
      <c r="N98">
        <v>50</v>
      </c>
      <c r="O98">
        <v>50</v>
      </c>
      <c r="P98">
        <v>0</v>
      </c>
      <c r="Q98">
        <v>0</v>
      </c>
      <c r="R98">
        <v>0</v>
      </c>
      <c r="S98">
        <v>0</v>
      </c>
      <c r="T98">
        <v>0</v>
      </c>
      <c r="U98">
        <v>0</v>
      </c>
      <c r="V98">
        <v>0</v>
      </c>
      <c r="W98">
        <v>0</v>
      </c>
      <c r="X98">
        <v>0</v>
      </c>
      <c r="Y98">
        <v>0</v>
      </c>
      <c r="Z98">
        <v>0</v>
      </c>
      <c r="AA98">
        <v>0</v>
      </c>
      <c r="AB98">
        <v>0</v>
      </c>
      <c r="AC98">
        <v>0</v>
      </c>
      <c r="AD98">
        <v>0</v>
      </c>
      <c r="AE98">
        <v>0</v>
      </c>
      <c r="AF98">
        <v>0</v>
      </c>
      <c r="AG98">
        <v>0</v>
      </c>
      <c r="AH98">
        <v>0</v>
      </c>
      <c r="AI98">
        <v>0</v>
      </c>
    </row>
    <row r="99" spans="1:35" x14ac:dyDescent="0.4">
      <c r="A99">
        <v>422</v>
      </c>
      <c r="B99">
        <v>420</v>
      </c>
      <c r="C99">
        <v>0</v>
      </c>
      <c r="D99" s="1">
        <v>45110</v>
      </c>
      <c r="E99">
        <v>0</v>
      </c>
      <c r="F99">
        <v>0</v>
      </c>
      <c r="G99">
        <v>30</v>
      </c>
      <c r="H99">
        <v>30</v>
      </c>
      <c r="I99">
        <v>30</v>
      </c>
      <c r="J99">
        <v>30</v>
      </c>
      <c r="K99">
        <v>30</v>
      </c>
      <c r="L99">
        <v>30</v>
      </c>
      <c r="M99">
        <v>30</v>
      </c>
      <c r="N99">
        <v>30</v>
      </c>
      <c r="O99">
        <v>30</v>
      </c>
      <c r="P99">
        <v>0</v>
      </c>
      <c r="Q99">
        <v>0</v>
      </c>
      <c r="R99">
        <v>0</v>
      </c>
      <c r="S99">
        <v>0</v>
      </c>
      <c r="T99">
        <v>0</v>
      </c>
      <c r="U99">
        <v>0</v>
      </c>
      <c r="V99">
        <v>0</v>
      </c>
      <c r="W99">
        <v>0</v>
      </c>
      <c r="X99">
        <v>0</v>
      </c>
      <c r="Y99">
        <v>0</v>
      </c>
      <c r="Z99">
        <v>0</v>
      </c>
      <c r="AA99">
        <v>0</v>
      </c>
      <c r="AB99">
        <v>0</v>
      </c>
      <c r="AC99">
        <v>0</v>
      </c>
      <c r="AD99">
        <v>0</v>
      </c>
      <c r="AE99">
        <v>0</v>
      </c>
      <c r="AF99">
        <v>0</v>
      </c>
      <c r="AG99">
        <v>0</v>
      </c>
      <c r="AH99">
        <v>0</v>
      </c>
      <c r="AI99">
        <v>0</v>
      </c>
    </row>
    <row r="100" spans="1:35" x14ac:dyDescent="0.4">
      <c r="A100">
        <v>423</v>
      </c>
      <c r="B100">
        <v>421</v>
      </c>
      <c r="C100">
        <v>0</v>
      </c>
      <c r="D100" s="1">
        <v>45110</v>
      </c>
      <c r="E100">
        <v>0</v>
      </c>
      <c r="F100">
        <v>0</v>
      </c>
      <c r="G100">
        <v>50</v>
      </c>
      <c r="H100">
        <v>50</v>
      </c>
      <c r="I100">
        <v>50</v>
      </c>
      <c r="J100">
        <v>50</v>
      </c>
      <c r="K100">
        <v>50</v>
      </c>
      <c r="L100">
        <v>50</v>
      </c>
      <c r="M100">
        <v>50</v>
      </c>
      <c r="N100">
        <v>50</v>
      </c>
      <c r="O100">
        <v>50</v>
      </c>
      <c r="P100">
        <v>0</v>
      </c>
      <c r="Q100">
        <v>0</v>
      </c>
      <c r="R100">
        <v>0</v>
      </c>
      <c r="S100">
        <v>0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0</v>
      </c>
      <c r="AD100">
        <v>0</v>
      </c>
      <c r="AE100">
        <v>0</v>
      </c>
      <c r="AF100">
        <v>0</v>
      </c>
      <c r="AG100">
        <v>0</v>
      </c>
      <c r="AH100">
        <v>0</v>
      </c>
      <c r="AI100">
        <v>0</v>
      </c>
    </row>
    <row r="101" spans="1:35" x14ac:dyDescent="0.4">
      <c r="A101">
        <v>249</v>
      </c>
      <c r="B101">
        <v>246</v>
      </c>
      <c r="C101">
        <v>0</v>
      </c>
      <c r="D101" s="1">
        <v>40370</v>
      </c>
      <c r="E101">
        <v>0</v>
      </c>
      <c r="F101">
        <v>0</v>
      </c>
      <c r="G101">
        <v>462</v>
      </c>
      <c r="H101">
        <v>462</v>
      </c>
      <c r="I101">
        <v>0</v>
      </c>
      <c r="J101">
        <v>0</v>
      </c>
      <c r="K101">
        <v>0</v>
      </c>
      <c r="L101">
        <v>462</v>
      </c>
      <c r="M101">
        <v>462</v>
      </c>
      <c r="N101">
        <v>462</v>
      </c>
      <c r="O101">
        <v>462</v>
      </c>
      <c r="P101">
        <v>0</v>
      </c>
      <c r="Q101">
        <v>0</v>
      </c>
      <c r="R101">
        <v>0</v>
      </c>
      <c r="S101">
        <v>0</v>
      </c>
      <c r="T101">
        <v>0</v>
      </c>
      <c r="U101">
        <v>0</v>
      </c>
      <c r="V101">
        <v>0</v>
      </c>
      <c r="W101">
        <v>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0</v>
      </c>
      <c r="AD101">
        <v>0</v>
      </c>
      <c r="AE101">
        <v>0</v>
      </c>
      <c r="AF101">
        <v>0</v>
      </c>
      <c r="AG101">
        <v>0</v>
      </c>
      <c r="AH101">
        <v>0</v>
      </c>
      <c r="AI101">
        <v>0</v>
      </c>
    </row>
    <row r="102" spans="1:35" x14ac:dyDescent="0.4">
      <c r="A102">
        <v>251</v>
      </c>
      <c r="B102">
        <v>248</v>
      </c>
      <c r="C102">
        <v>0</v>
      </c>
      <c r="D102" s="1">
        <v>40391</v>
      </c>
      <c r="E102">
        <v>0</v>
      </c>
      <c r="F102">
        <v>0</v>
      </c>
      <c r="G102">
        <v>462</v>
      </c>
      <c r="H102">
        <v>462</v>
      </c>
      <c r="I102">
        <v>462</v>
      </c>
      <c r="J102">
        <v>0</v>
      </c>
      <c r="K102">
        <v>0</v>
      </c>
      <c r="L102">
        <v>462</v>
      </c>
      <c r="M102">
        <v>462</v>
      </c>
      <c r="N102">
        <v>462</v>
      </c>
      <c r="O102">
        <v>462</v>
      </c>
      <c r="P102">
        <v>0</v>
      </c>
      <c r="Q102">
        <v>0</v>
      </c>
      <c r="R102">
        <v>0</v>
      </c>
      <c r="S102">
        <v>0</v>
      </c>
      <c r="T102">
        <v>0</v>
      </c>
      <c r="U102">
        <v>0</v>
      </c>
      <c r="V102">
        <v>0</v>
      </c>
      <c r="W102">
        <v>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0</v>
      </c>
      <c r="AD102">
        <v>0</v>
      </c>
      <c r="AE102">
        <v>0</v>
      </c>
      <c r="AF102">
        <v>0</v>
      </c>
      <c r="AG102">
        <v>0</v>
      </c>
      <c r="AH102">
        <v>0</v>
      </c>
      <c r="AI102">
        <v>0</v>
      </c>
    </row>
    <row r="103" spans="1:35" x14ac:dyDescent="0.4">
      <c r="A103">
        <v>252</v>
      </c>
      <c r="B103">
        <v>249</v>
      </c>
      <c r="C103">
        <v>0</v>
      </c>
      <c r="D103" s="1">
        <v>40391</v>
      </c>
      <c r="E103">
        <v>0</v>
      </c>
      <c r="F103">
        <v>0</v>
      </c>
      <c r="G103">
        <v>462</v>
      </c>
      <c r="H103">
        <v>462</v>
      </c>
      <c r="I103">
        <v>462</v>
      </c>
      <c r="J103">
        <v>0</v>
      </c>
      <c r="K103">
        <v>0</v>
      </c>
      <c r="L103">
        <v>462</v>
      </c>
      <c r="M103">
        <v>462</v>
      </c>
      <c r="N103">
        <v>462</v>
      </c>
      <c r="O103">
        <v>462</v>
      </c>
      <c r="P103">
        <v>0</v>
      </c>
      <c r="Q103">
        <v>0</v>
      </c>
      <c r="R103">
        <v>0</v>
      </c>
      <c r="S103">
        <v>0</v>
      </c>
      <c r="T103">
        <v>0</v>
      </c>
      <c r="U103">
        <v>0</v>
      </c>
      <c r="V103">
        <v>0</v>
      </c>
      <c r="W103">
        <v>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0</v>
      </c>
      <c r="AD103">
        <v>0</v>
      </c>
      <c r="AE103">
        <v>0</v>
      </c>
      <c r="AF103">
        <v>0</v>
      </c>
      <c r="AG103">
        <v>0</v>
      </c>
      <c r="AH103">
        <v>0</v>
      </c>
      <c r="AI103">
        <v>0</v>
      </c>
    </row>
    <row r="104" spans="1:35" x14ac:dyDescent="0.4">
      <c r="A104">
        <v>63</v>
      </c>
      <c r="B104">
        <v>60</v>
      </c>
      <c r="C104">
        <v>0</v>
      </c>
      <c r="D104" s="1">
        <v>40315</v>
      </c>
      <c r="E104">
        <v>0</v>
      </c>
      <c r="F104">
        <v>0</v>
      </c>
      <c r="G104">
        <v>440</v>
      </c>
      <c r="H104">
        <v>440</v>
      </c>
      <c r="I104">
        <v>0</v>
      </c>
      <c r="J104">
        <v>0</v>
      </c>
      <c r="K104">
        <v>0</v>
      </c>
      <c r="L104">
        <v>440</v>
      </c>
      <c r="M104">
        <v>440</v>
      </c>
      <c r="N104">
        <v>440</v>
      </c>
      <c r="O104">
        <v>440</v>
      </c>
      <c r="P104">
        <v>0</v>
      </c>
      <c r="Q104">
        <v>0</v>
      </c>
      <c r="R104">
        <v>0</v>
      </c>
      <c r="S104">
        <v>0</v>
      </c>
      <c r="T104">
        <v>0</v>
      </c>
      <c r="U104">
        <v>0</v>
      </c>
      <c r="V104">
        <v>0</v>
      </c>
      <c r="W104">
        <v>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0</v>
      </c>
      <c r="AD104">
        <v>0</v>
      </c>
      <c r="AE104">
        <v>0</v>
      </c>
      <c r="AF104">
        <v>0</v>
      </c>
      <c r="AG104">
        <v>0</v>
      </c>
      <c r="AH104">
        <v>0</v>
      </c>
      <c r="AI104">
        <v>0</v>
      </c>
    </row>
    <row r="105" spans="1:35" x14ac:dyDescent="0.4">
      <c r="A105">
        <v>424</v>
      </c>
      <c r="B105">
        <v>422</v>
      </c>
      <c r="C105">
        <v>0</v>
      </c>
      <c r="D105" s="1">
        <v>45110</v>
      </c>
      <c r="E105">
        <v>0</v>
      </c>
      <c r="F105">
        <v>0</v>
      </c>
      <c r="G105">
        <v>550</v>
      </c>
      <c r="H105">
        <v>550</v>
      </c>
      <c r="I105">
        <v>550</v>
      </c>
      <c r="J105">
        <v>550</v>
      </c>
      <c r="K105">
        <v>550</v>
      </c>
      <c r="L105">
        <v>550</v>
      </c>
      <c r="M105">
        <v>550</v>
      </c>
      <c r="N105">
        <v>550</v>
      </c>
      <c r="O105">
        <v>550</v>
      </c>
      <c r="P105">
        <v>0</v>
      </c>
      <c r="Q105">
        <v>0</v>
      </c>
      <c r="R105">
        <v>0</v>
      </c>
      <c r="S105">
        <v>0</v>
      </c>
      <c r="T105">
        <v>0</v>
      </c>
      <c r="U105">
        <v>0</v>
      </c>
      <c r="V105">
        <v>0</v>
      </c>
      <c r="W105">
        <v>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0</v>
      </c>
      <c r="AD105">
        <v>0</v>
      </c>
      <c r="AE105">
        <v>0</v>
      </c>
      <c r="AF105">
        <v>0</v>
      </c>
      <c r="AG105">
        <v>0</v>
      </c>
      <c r="AH105">
        <v>0</v>
      </c>
      <c r="AI105">
        <v>0</v>
      </c>
    </row>
    <row r="106" spans="1:35" x14ac:dyDescent="0.4">
      <c r="A106">
        <v>65</v>
      </c>
      <c r="B106">
        <v>62</v>
      </c>
      <c r="C106">
        <v>0</v>
      </c>
      <c r="D106" s="1">
        <v>40315</v>
      </c>
      <c r="E106">
        <v>0</v>
      </c>
      <c r="F106">
        <v>0</v>
      </c>
      <c r="G106">
        <v>440</v>
      </c>
      <c r="H106">
        <v>440</v>
      </c>
      <c r="I106">
        <v>0</v>
      </c>
      <c r="J106">
        <v>0</v>
      </c>
      <c r="K106">
        <v>0</v>
      </c>
      <c r="L106">
        <v>440</v>
      </c>
      <c r="M106">
        <v>440</v>
      </c>
      <c r="N106">
        <v>440</v>
      </c>
      <c r="O106">
        <v>440</v>
      </c>
      <c r="P106">
        <v>0</v>
      </c>
      <c r="Q106">
        <v>0</v>
      </c>
      <c r="R106">
        <v>0</v>
      </c>
      <c r="S106">
        <v>0</v>
      </c>
      <c r="T106">
        <v>0</v>
      </c>
      <c r="U106">
        <v>0</v>
      </c>
      <c r="V106">
        <v>0</v>
      </c>
      <c r="W106">
        <v>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0</v>
      </c>
      <c r="AD106">
        <v>0</v>
      </c>
      <c r="AE106">
        <v>0</v>
      </c>
      <c r="AF106">
        <v>0</v>
      </c>
      <c r="AG106">
        <v>0</v>
      </c>
      <c r="AH106">
        <v>0</v>
      </c>
      <c r="AI106">
        <v>0</v>
      </c>
    </row>
    <row r="107" spans="1:35" x14ac:dyDescent="0.4">
      <c r="A107">
        <v>66</v>
      </c>
      <c r="B107">
        <v>63</v>
      </c>
      <c r="C107">
        <v>0</v>
      </c>
      <c r="D107" s="1">
        <v>40315</v>
      </c>
      <c r="E107">
        <v>0</v>
      </c>
      <c r="F107">
        <v>0</v>
      </c>
      <c r="G107">
        <v>440</v>
      </c>
      <c r="H107">
        <v>440</v>
      </c>
      <c r="I107">
        <v>0</v>
      </c>
      <c r="J107">
        <v>0</v>
      </c>
      <c r="K107">
        <v>0</v>
      </c>
      <c r="L107">
        <v>440</v>
      </c>
      <c r="M107">
        <v>440</v>
      </c>
      <c r="N107">
        <v>440</v>
      </c>
      <c r="O107">
        <v>440</v>
      </c>
      <c r="P107">
        <v>0</v>
      </c>
      <c r="Q107">
        <v>0</v>
      </c>
      <c r="R107">
        <v>0</v>
      </c>
      <c r="S107">
        <v>0</v>
      </c>
      <c r="T107">
        <v>0</v>
      </c>
      <c r="U107">
        <v>0</v>
      </c>
      <c r="V107">
        <v>0</v>
      </c>
      <c r="W107">
        <v>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0</v>
      </c>
      <c r="AD107">
        <v>0</v>
      </c>
      <c r="AE107">
        <v>0</v>
      </c>
      <c r="AF107">
        <v>0</v>
      </c>
      <c r="AG107">
        <v>0</v>
      </c>
      <c r="AH107">
        <v>0</v>
      </c>
      <c r="AI107">
        <v>0</v>
      </c>
    </row>
    <row r="108" spans="1:35" x14ac:dyDescent="0.4">
      <c r="A108">
        <v>67</v>
      </c>
      <c r="B108">
        <v>64</v>
      </c>
      <c r="C108">
        <v>0</v>
      </c>
      <c r="D108" s="1">
        <v>40315</v>
      </c>
      <c r="E108">
        <v>0</v>
      </c>
      <c r="F108">
        <v>0</v>
      </c>
      <c r="G108">
        <v>440</v>
      </c>
      <c r="H108">
        <v>440</v>
      </c>
      <c r="I108">
        <v>0</v>
      </c>
      <c r="J108">
        <v>0</v>
      </c>
      <c r="K108">
        <v>0</v>
      </c>
      <c r="L108">
        <v>440</v>
      </c>
      <c r="M108">
        <v>440</v>
      </c>
      <c r="N108">
        <v>440</v>
      </c>
      <c r="O108">
        <v>440</v>
      </c>
      <c r="P108">
        <v>0</v>
      </c>
      <c r="Q108">
        <v>0</v>
      </c>
      <c r="R108">
        <v>0</v>
      </c>
      <c r="S108">
        <v>0</v>
      </c>
      <c r="T108">
        <v>0</v>
      </c>
      <c r="U108">
        <v>0</v>
      </c>
      <c r="V108">
        <v>0</v>
      </c>
      <c r="W108">
        <v>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0</v>
      </c>
      <c r="AD108">
        <v>0</v>
      </c>
      <c r="AE108">
        <v>0</v>
      </c>
      <c r="AF108">
        <v>0</v>
      </c>
      <c r="AG108">
        <v>0</v>
      </c>
      <c r="AH108">
        <v>0</v>
      </c>
      <c r="AI108">
        <v>0</v>
      </c>
    </row>
    <row r="109" spans="1:35" x14ac:dyDescent="0.4">
      <c r="A109">
        <v>68</v>
      </c>
      <c r="B109">
        <v>65</v>
      </c>
      <c r="C109">
        <v>0</v>
      </c>
      <c r="D109" s="1">
        <v>40315</v>
      </c>
      <c r="E109">
        <v>0</v>
      </c>
      <c r="F109">
        <v>0</v>
      </c>
      <c r="G109">
        <v>440</v>
      </c>
      <c r="H109">
        <v>440</v>
      </c>
      <c r="I109">
        <v>0</v>
      </c>
      <c r="J109">
        <v>0</v>
      </c>
      <c r="K109">
        <v>0</v>
      </c>
      <c r="L109">
        <v>440</v>
      </c>
      <c r="M109">
        <v>440</v>
      </c>
      <c r="N109">
        <v>440</v>
      </c>
      <c r="O109">
        <v>440</v>
      </c>
      <c r="P109">
        <v>0</v>
      </c>
      <c r="Q109">
        <v>0</v>
      </c>
      <c r="R109">
        <v>0</v>
      </c>
      <c r="S109">
        <v>0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0</v>
      </c>
      <c r="AD109">
        <v>0</v>
      </c>
      <c r="AE109">
        <v>0</v>
      </c>
      <c r="AF109">
        <v>0</v>
      </c>
      <c r="AG109">
        <v>0</v>
      </c>
      <c r="AH109">
        <v>0</v>
      </c>
      <c r="AI109">
        <v>0</v>
      </c>
    </row>
    <row r="110" spans="1:35" x14ac:dyDescent="0.4">
      <c r="A110">
        <v>69</v>
      </c>
      <c r="B110">
        <v>66</v>
      </c>
      <c r="C110">
        <v>0</v>
      </c>
      <c r="D110" s="1">
        <v>40315</v>
      </c>
      <c r="E110">
        <v>0</v>
      </c>
      <c r="F110">
        <v>0</v>
      </c>
      <c r="G110">
        <v>440</v>
      </c>
      <c r="H110">
        <v>440</v>
      </c>
      <c r="I110">
        <v>0</v>
      </c>
      <c r="J110">
        <v>0</v>
      </c>
      <c r="K110">
        <v>0</v>
      </c>
      <c r="L110">
        <v>440</v>
      </c>
      <c r="M110">
        <v>440</v>
      </c>
      <c r="N110">
        <v>440</v>
      </c>
      <c r="O110">
        <v>440</v>
      </c>
      <c r="P110">
        <v>0</v>
      </c>
      <c r="Q110">
        <v>0</v>
      </c>
      <c r="R110">
        <v>0</v>
      </c>
      <c r="S110">
        <v>0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0</v>
      </c>
      <c r="AD110">
        <v>0</v>
      </c>
      <c r="AE110">
        <v>0</v>
      </c>
      <c r="AF110">
        <v>0</v>
      </c>
      <c r="AG110">
        <v>0</v>
      </c>
      <c r="AH110">
        <v>0</v>
      </c>
      <c r="AI110">
        <v>0</v>
      </c>
    </row>
    <row r="111" spans="1:35" x14ac:dyDescent="0.4">
      <c r="A111">
        <v>70</v>
      </c>
      <c r="B111">
        <v>67</v>
      </c>
      <c r="C111">
        <v>0</v>
      </c>
      <c r="D111" s="1">
        <v>40315</v>
      </c>
      <c r="E111">
        <v>0</v>
      </c>
      <c r="F111">
        <v>0</v>
      </c>
      <c r="G111">
        <v>0</v>
      </c>
      <c r="H111">
        <v>0</v>
      </c>
      <c r="I111">
        <v>0</v>
      </c>
      <c r="J111">
        <v>0</v>
      </c>
      <c r="K111">
        <v>0</v>
      </c>
      <c r="L111">
        <v>0</v>
      </c>
      <c r="M111">
        <v>0</v>
      </c>
      <c r="N111">
        <v>0</v>
      </c>
      <c r="O111">
        <v>0</v>
      </c>
      <c r="P111">
        <v>0</v>
      </c>
      <c r="Q111">
        <v>0</v>
      </c>
      <c r="R111">
        <v>0</v>
      </c>
      <c r="S111">
        <v>0</v>
      </c>
      <c r="T111">
        <v>0</v>
      </c>
      <c r="U111">
        <v>0</v>
      </c>
      <c r="V111">
        <v>0</v>
      </c>
      <c r="W111">
        <v>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0</v>
      </c>
      <c r="AD111">
        <v>0</v>
      </c>
      <c r="AE111">
        <v>0</v>
      </c>
      <c r="AF111">
        <v>0</v>
      </c>
      <c r="AG111">
        <v>0</v>
      </c>
      <c r="AH111">
        <v>0</v>
      </c>
      <c r="AI111">
        <v>0</v>
      </c>
    </row>
    <row r="112" spans="1:35" x14ac:dyDescent="0.4">
      <c r="A112">
        <v>80</v>
      </c>
      <c r="B112">
        <v>77</v>
      </c>
      <c r="C112">
        <v>0</v>
      </c>
      <c r="D112" s="1">
        <v>40315</v>
      </c>
      <c r="E112">
        <v>0</v>
      </c>
      <c r="F112">
        <v>0</v>
      </c>
      <c r="G112">
        <v>462</v>
      </c>
      <c r="H112">
        <v>462</v>
      </c>
      <c r="I112">
        <v>0</v>
      </c>
      <c r="J112">
        <v>0</v>
      </c>
      <c r="K112">
        <v>0</v>
      </c>
      <c r="L112">
        <v>462</v>
      </c>
      <c r="M112">
        <v>462</v>
      </c>
      <c r="N112">
        <v>462</v>
      </c>
      <c r="O112">
        <v>462</v>
      </c>
      <c r="P112">
        <v>0</v>
      </c>
      <c r="Q112">
        <v>0</v>
      </c>
      <c r="R112">
        <v>0</v>
      </c>
      <c r="S112">
        <v>0</v>
      </c>
      <c r="T112">
        <v>0</v>
      </c>
      <c r="U112">
        <v>0</v>
      </c>
      <c r="V112">
        <v>0</v>
      </c>
      <c r="W112">
        <v>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0</v>
      </c>
      <c r="AD112">
        <v>0</v>
      </c>
      <c r="AE112">
        <v>0</v>
      </c>
      <c r="AF112">
        <v>0</v>
      </c>
      <c r="AG112">
        <v>0</v>
      </c>
      <c r="AH112">
        <v>0</v>
      </c>
      <c r="AI112">
        <v>0</v>
      </c>
    </row>
    <row r="113" spans="1:35" x14ac:dyDescent="0.4">
      <c r="A113">
        <v>81</v>
      </c>
      <c r="B113">
        <v>78</v>
      </c>
      <c r="C113">
        <v>0</v>
      </c>
      <c r="D113" s="1">
        <v>40315</v>
      </c>
      <c r="E113">
        <v>0</v>
      </c>
      <c r="F113">
        <v>0</v>
      </c>
      <c r="G113">
        <v>462</v>
      </c>
      <c r="H113">
        <v>462</v>
      </c>
      <c r="I113">
        <v>0</v>
      </c>
      <c r="J113">
        <v>0</v>
      </c>
      <c r="K113">
        <v>0</v>
      </c>
      <c r="L113">
        <v>462</v>
      </c>
      <c r="M113">
        <v>462</v>
      </c>
      <c r="N113">
        <v>462</v>
      </c>
      <c r="O113">
        <v>462</v>
      </c>
      <c r="P113">
        <v>0</v>
      </c>
      <c r="Q113">
        <v>0</v>
      </c>
      <c r="R113">
        <v>0</v>
      </c>
      <c r="S113">
        <v>0</v>
      </c>
      <c r="T113">
        <v>0</v>
      </c>
      <c r="U113">
        <v>0</v>
      </c>
      <c r="V113">
        <v>0</v>
      </c>
      <c r="W113">
        <v>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0</v>
      </c>
      <c r="AD113">
        <v>0</v>
      </c>
      <c r="AE113">
        <v>0</v>
      </c>
      <c r="AF113">
        <v>0</v>
      </c>
      <c r="AG113">
        <v>0</v>
      </c>
      <c r="AH113">
        <v>0</v>
      </c>
      <c r="AI113">
        <v>0</v>
      </c>
    </row>
    <row r="114" spans="1:35" x14ac:dyDescent="0.4">
      <c r="A114">
        <v>82</v>
      </c>
      <c r="B114">
        <v>79</v>
      </c>
      <c r="C114">
        <v>0</v>
      </c>
      <c r="D114" s="1">
        <v>40315</v>
      </c>
      <c r="E114">
        <v>0</v>
      </c>
      <c r="F114">
        <v>0</v>
      </c>
      <c r="G114">
        <v>462</v>
      </c>
      <c r="H114">
        <v>462</v>
      </c>
      <c r="I114">
        <v>462</v>
      </c>
      <c r="J114">
        <v>0</v>
      </c>
      <c r="K114">
        <v>0</v>
      </c>
      <c r="L114">
        <v>462</v>
      </c>
      <c r="M114">
        <v>462</v>
      </c>
      <c r="N114">
        <v>462</v>
      </c>
      <c r="O114">
        <v>462</v>
      </c>
      <c r="P114">
        <v>0</v>
      </c>
      <c r="Q114">
        <v>0</v>
      </c>
      <c r="R114">
        <v>0</v>
      </c>
      <c r="S114">
        <v>0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0</v>
      </c>
      <c r="AD114">
        <v>0</v>
      </c>
      <c r="AE114">
        <v>0</v>
      </c>
      <c r="AF114">
        <v>0</v>
      </c>
      <c r="AG114">
        <v>0</v>
      </c>
      <c r="AH114">
        <v>0</v>
      </c>
      <c r="AI114">
        <v>0</v>
      </c>
    </row>
    <row r="115" spans="1:35" x14ac:dyDescent="0.4">
      <c r="A115">
        <v>83</v>
      </c>
      <c r="B115">
        <v>80</v>
      </c>
      <c r="C115">
        <v>0</v>
      </c>
      <c r="D115" s="1">
        <v>40315</v>
      </c>
      <c r="E115">
        <v>0</v>
      </c>
      <c r="F115">
        <v>0</v>
      </c>
      <c r="G115">
        <v>462</v>
      </c>
      <c r="H115">
        <v>462</v>
      </c>
      <c r="I115">
        <v>0</v>
      </c>
      <c r="J115">
        <v>0</v>
      </c>
      <c r="K115">
        <v>0</v>
      </c>
      <c r="L115">
        <v>462</v>
      </c>
      <c r="M115">
        <v>462</v>
      </c>
      <c r="N115">
        <v>462</v>
      </c>
      <c r="O115">
        <v>462</v>
      </c>
      <c r="P115">
        <v>0</v>
      </c>
      <c r="Q115">
        <v>0</v>
      </c>
      <c r="R115">
        <v>0</v>
      </c>
      <c r="S115">
        <v>0</v>
      </c>
      <c r="T115">
        <v>0</v>
      </c>
      <c r="U115">
        <v>0</v>
      </c>
      <c r="V115">
        <v>0</v>
      </c>
      <c r="W115">
        <v>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0</v>
      </c>
      <c r="AD115">
        <v>0</v>
      </c>
      <c r="AE115">
        <v>0</v>
      </c>
      <c r="AF115">
        <v>0</v>
      </c>
      <c r="AG115">
        <v>0</v>
      </c>
      <c r="AH115">
        <v>0</v>
      </c>
      <c r="AI115">
        <v>0</v>
      </c>
    </row>
    <row r="116" spans="1:35" x14ac:dyDescent="0.4">
      <c r="A116">
        <v>427</v>
      </c>
      <c r="B116">
        <v>425</v>
      </c>
      <c r="C116">
        <v>0</v>
      </c>
      <c r="D116" s="1">
        <v>45110</v>
      </c>
      <c r="E116">
        <v>0</v>
      </c>
      <c r="F116">
        <v>0</v>
      </c>
      <c r="G116">
        <v>495</v>
      </c>
      <c r="H116">
        <v>495</v>
      </c>
      <c r="I116">
        <v>495</v>
      </c>
      <c r="J116">
        <v>495</v>
      </c>
      <c r="K116">
        <v>495</v>
      </c>
      <c r="L116">
        <v>495</v>
      </c>
      <c r="M116">
        <v>495</v>
      </c>
      <c r="N116">
        <v>495</v>
      </c>
      <c r="O116">
        <v>495</v>
      </c>
      <c r="P116">
        <v>0</v>
      </c>
      <c r="Q116">
        <v>0</v>
      </c>
      <c r="R116">
        <v>0</v>
      </c>
      <c r="S116">
        <v>0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0</v>
      </c>
      <c r="AD116">
        <v>0</v>
      </c>
      <c r="AE116">
        <v>0</v>
      </c>
      <c r="AF116">
        <v>0</v>
      </c>
      <c r="AG116">
        <v>0</v>
      </c>
      <c r="AH116">
        <v>0</v>
      </c>
      <c r="AI116">
        <v>0</v>
      </c>
    </row>
    <row r="117" spans="1:35" x14ac:dyDescent="0.4">
      <c r="A117">
        <v>428</v>
      </c>
      <c r="B117">
        <v>426</v>
      </c>
      <c r="C117">
        <v>0</v>
      </c>
      <c r="D117" s="1">
        <v>45110</v>
      </c>
      <c r="E117">
        <v>0</v>
      </c>
      <c r="F117">
        <v>0</v>
      </c>
      <c r="G117">
        <v>682</v>
      </c>
      <c r="H117">
        <v>682</v>
      </c>
      <c r="I117">
        <v>682</v>
      </c>
      <c r="J117">
        <v>682</v>
      </c>
      <c r="K117">
        <v>682</v>
      </c>
      <c r="L117">
        <v>682</v>
      </c>
      <c r="M117">
        <v>682</v>
      </c>
      <c r="N117">
        <v>682</v>
      </c>
      <c r="O117">
        <v>682</v>
      </c>
      <c r="P117">
        <v>0</v>
      </c>
      <c r="Q117">
        <v>0</v>
      </c>
      <c r="R117">
        <v>0</v>
      </c>
      <c r="S117">
        <v>0</v>
      </c>
      <c r="T117">
        <v>0</v>
      </c>
      <c r="U117">
        <v>0</v>
      </c>
      <c r="V117">
        <v>0</v>
      </c>
      <c r="W117">
        <v>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0</v>
      </c>
      <c r="AD117">
        <v>0</v>
      </c>
      <c r="AE117">
        <v>0</v>
      </c>
      <c r="AF117">
        <v>0</v>
      </c>
      <c r="AG117">
        <v>0</v>
      </c>
      <c r="AH117">
        <v>0</v>
      </c>
      <c r="AI117">
        <v>0</v>
      </c>
    </row>
    <row r="118" spans="1:35" x14ac:dyDescent="0.4">
      <c r="A118">
        <v>429</v>
      </c>
      <c r="B118">
        <v>427</v>
      </c>
      <c r="C118">
        <v>0</v>
      </c>
      <c r="D118" s="1">
        <v>45110</v>
      </c>
      <c r="E118">
        <v>0</v>
      </c>
      <c r="F118">
        <v>0</v>
      </c>
      <c r="G118">
        <v>682</v>
      </c>
      <c r="H118">
        <v>682</v>
      </c>
      <c r="I118">
        <v>682</v>
      </c>
      <c r="J118">
        <v>682</v>
      </c>
      <c r="K118">
        <v>682</v>
      </c>
      <c r="L118">
        <v>682</v>
      </c>
      <c r="M118">
        <v>682</v>
      </c>
      <c r="N118">
        <v>682</v>
      </c>
      <c r="O118">
        <v>682</v>
      </c>
      <c r="P118">
        <v>0</v>
      </c>
      <c r="Q118">
        <v>0</v>
      </c>
      <c r="R118">
        <v>0</v>
      </c>
      <c r="S118">
        <v>0</v>
      </c>
      <c r="T118">
        <v>0</v>
      </c>
      <c r="U118">
        <v>0</v>
      </c>
      <c r="V118">
        <v>0</v>
      </c>
      <c r="W118">
        <v>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0</v>
      </c>
      <c r="AD118">
        <v>0</v>
      </c>
      <c r="AE118">
        <v>0</v>
      </c>
      <c r="AF118">
        <v>0</v>
      </c>
      <c r="AG118">
        <v>0</v>
      </c>
      <c r="AH118">
        <v>0</v>
      </c>
      <c r="AI118">
        <v>0</v>
      </c>
    </row>
    <row r="119" spans="1:35" x14ac:dyDescent="0.4">
      <c r="A119">
        <v>87</v>
      </c>
      <c r="B119">
        <v>84</v>
      </c>
      <c r="C119">
        <v>0</v>
      </c>
      <c r="D119" s="1">
        <v>40315</v>
      </c>
      <c r="E119">
        <v>0</v>
      </c>
      <c r="F119">
        <v>0</v>
      </c>
      <c r="G119">
        <v>462</v>
      </c>
      <c r="H119">
        <v>462</v>
      </c>
      <c r="I119">
        <v>462</v>
      </c>
      <c r="J119">
        <v>0</v>
      </c>
      <c r="K119">
        <v>0</v>
      </c>
      <c r="L119">
        <v>462</v>
      </c>
      <c r="M119">
        <v>462</v>
      </c>
      <c r="N119">
        <v>462</v>
      </c>
      <c r="O119">
        <v>462</v>
      </c>
      <c r="P119">
        <v>0</v>
      </c>
      <c r="Q119">
        <v>0</v>
      </c>
      <c r="R119">
        <v>0</v>
      </c>
      <c r="S119">
        <v>0</v>
      </c>
      <c r="T119">
        <v>0</v>
      </c>
      <c r="U119">
        <v>0</v>
      </c>
      <c r="V119">
        <v>0</v>
      </c>
      <c r="W119">
        <v>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0</v>
      </c>
      <c r="AD119">
        <v>0</v>
      </c>
      <c r="AE119">
        <v>0</v>
      </c>
      <c r="AF119">
        <v>0</v>
      </c>
      <c r="AG119">
        <v>0</v>
      </c>
      <c r="AH119">
        <v>0</v>
      </c>
      <c r="AI119">
        <v>0</v>
      </c>
    </row>
    <row r="120" spans="1:35" x14ac:dyDescent="0.4">
      <c r="A120">
        <v>88</v>
      </c>
      <c r="B120">
        <v>85</v>
      </c>
      <c r="C120">
        <v>0</v>
      </c>
      <c r="D120" s="1">
        <v>40315</v>
      </c>
      <c r="E120">
        <v>0</v>
      </c>
      <c r="F120">
        <v>0</v>
      </c>
      <c r="G120">
        <v>484</v>
      </c>
      <c r="H120">
        <v>484</v>
      </c>
      <c r="I120">
        <v>484</v>
      </c>
      <c r="J120">
        <v>0</v>
      </c>
      <c r="K120">
        <v>0</v>
      </c>
      <c r="L120">
        <v>484</v>
      </c>
      <c r="M120">
        <v>484</v>
      </c>
      <c r="N120">
        <v>484</v>
      </c>
      <c r="O120">
        <v>484</v>
      </c>
      <c r="P120">
        <v>0</v>
      </c>
      <c r="Q120">
        <v>0</v>
      </c>
      <c r="R120">
        <v>0</v>
      </c>
      <c r="S120">
        <v>0</v>
      </c>
      <c r="T120">
        <v>0</v>
      </c>
      <c r="U120">
        <v>0</v>
      </c>
      <c r="V120">
        <v>0</v>
      </c>
      <c r="W120">
        <v>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0</v>
      </c>
      <c r="AD120">
        <v>0</v>
      </c>
      <c r="AE120">
        <v>0</v>
      </c>
      <c r="AF120">
        <v>0</v>
      </c>
      <c r="AG120">
        <v>0</v>
      </c>
      <c r="AH120">
        <v>0</v>
      </c>
      <c r="AI120">
        <v>0</v>
      </c>
    </row>
    <row r="121" spans="1:35" x14ac:dyDescent="0.4">
      <c r="A121">
        <v>89</v>
      </c>
      <c r="B121">
        <v>86</v>
      </c>
      <c r="C121">
        <v>0</v>
      </c>
      <c r="D121" s="1">
        <v>40315</v>
      </c>
      <c r="E121">
        <v>0</v>
      </c>
      <c r="F121">
        <v>0</v>
      </c>
      <c r="G121">
        <v>385</v>
      </c>
      <c r="H121">
        <v>385</v>
      </c>
      <c r="I121">
        <v>385</v>
      </c>
      <c r="J121">
        <v>0</v>
      </c>
      <c r="K121">
        <v>0</v>
      </c>
      <c r="L121">
        <v>385</v>
      </c>
      <c r="M121">
        <v>385</v>
      </c>
      <c r="N121">
        <v>385</v>
      </c>
      <c r="O121">
        <v>385</v>
      </c>
      <c r="P121">
        <v>0</v>
      </c>
      <c r="Q121">
        <v>0</v>
      </c>
      <c r="R121">
        <v>0</v>
      </c>
      <c r="S121">
        <v>0</v>
      </c>
      <c r="T121">
        <v>0</v>
      </c>
      <c r="U121">
        <v>0</v>
      </c>
      <c r="V121">
        <v>0</v>
      </c>
      <c r="W121">
        <v>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0</v>
      </c>
      <c r="AD121">
        <v>0</v>
      </c>
      <c r="AE121">
        <v>0</v>
      </c>
      <c r="AF121">
        <v>0</v>
      </c>
      <c r="AG121">
        <v>0</v>
      </c>
      <c r="AH121">
        <v>0</v>
      </c>
      <c r="AI121">
        <v>0</v>
      </c>
    </row>
    <row r="122" spans="1:35" x14ac:dyDescent="0.4">
      <c r="A122">
        <v>91</v>
      </c>
      <c r="B122">
        <v>88</v>
      </c>
      <c r="C122">
        <v>0</v>
      </c>
      <c r="D122" s="1">
        <v>40315</v>
      </c>
      <c r="E122">
        <v>0</v>
      </c>
      <c r="F122">
        <v>0</v>
      </c>
      <c r="G122">
        <v>462</v>
      </c>
      <c r="H122">
        <v>462</v>
      </c>
      <c r="I122">
        <v>0</v>
      </c>
      <c r="J122">
        <v>0</v>
      </c>
      <c r="K122">
        <v>0</v>
      </c>
      <c r="L122">
        <v>462</v>
      </c>
      <c r="M122">
        <v>462</v>
      </c>
      <c r="N122">
        <v>462</v>
      </c>
      <c r="O122">
        <v>462</v>
      </c>
      <c r="P122">
        <v>0</v>
      </c>
      <c r="Q122">
        <v>0</v>
      </c>
      <c r="R122">
        <v>0</v>
      </c>
      <c r="S122">
        <v>0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0</v>
      </c>
      <c r="AD122">
        <v>0</v>
      </c>
      <c r="AE122">
        <v>0</v>
      </c>
      <c r="AF122">
        <v>0</v>
      </c>
      <c r="AG122">
        <v>0</v>
      </c>
      <c r="AH122">
        <v>0</v>
      </c>
      <c r="AI122">
        <v>0</v>
      </c>
    </row>
    <row r="123" spans="1:35" x14ac:dyDescent="0.4">
      <c r="A123">
        <v>92</v>
      </c>
      <c r="B123">
        <v>89</v>
      </c>
      <c r="C123">
        <v>0</v>
      </c>
      <c r="D123" s="1">
        <v>40315</v>
      </c>
      <c r="E123">
        <v>0</v>
      </c>
      <c r="F123">
        <v>0</v>
      </c>
      <c r="G123">
        <v>462</v>
      </c>
      <c r="H123">
        <v>462</v>
      </c>
      <c r="I123">
        <v>0</v>
      </c>
      <c r="J123">
        <v>0</v>
      </c>
      <c r="K123">
        <v>0</v>
      </c>
      <c r="L123">
        <v>462</v>
      </c>
      <c r="M123">
        <v>462</v>
      </c>
      <c r="N123">
        <v>462</v>
      </c>
      <c r="O123">
        <v>462</v>
      </c>
      <c r="P123">
        <v>0</v>
      </c>
      <c r="Q123">
        <v>0</v>
      </c>
      <c r="R123">
        <v>0</v>
      </c>
      <c r="S123">
        <v>0</v>
      </c>
      <c r="T123">
        <v>0</v>
      </c>
      <c r="U123">
        <v>0</v>
      </c>
      <c r="V123">
        <v>0</v>
      </c>
      <c r="W123">
        <v>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0</v>
      </c>
      <c r="AD123">
        <v>0</v>
      </c>
      <c r="AE123">
        <v>0</v>
      </c>
      <c r="AF123">
        <v>0</v>
      </c>
      <c r="AG123">
        <v>0</v>
      </c>
      <c r="AH123">
        <v>0</v>
      </c>
      <c r="AI123">
        <v>0</v>
      </c>
    </row>
    <row r="124" spans="1:35" x14ac:dyDescent="0.4">
      <c r="A124">
        <v>93</v>
      </c>
      <c r="B124">
        <v>90</v>
      </c>
      <c r="C124">
        <v>0</v>
      </c>
      <c r="D124" s="1">
        <v>40315</v>
      </c>
      <c r="E124">
        <v>0</v>
      </c>
      <c r="F124">
        <v>0</v>
      </c>
      <c r="G124">
        <v>462</v>
      </c>
      <c r="H124">
        <v>462</v>
      </c>
      <c r="I124">
        <v>0</v>
      </c>
      <c r="J124">
        <v>0</v>
      </c>
      <c r="K124">
        <v>0</v>
      </c>
      <c r="L124">
        <v>462</v>
      </c>
      <c r="M124">
        <v>462</v>
      </c>
      <c r="N124">
        <v>462</v>
      </c>
      <c r="O124">
        <v>462</v>
      </c>
      <c r="P124">
        <v>0</v>
      </c>
      <c r="Q124">
        <v>0</v>
      </c>
      <c r="R124">
        <v>0</v>
      </c>
      <c r="S124">
        <v>0</v>
      </c>
      <c r="T124">
        <v>0</v>
      </c>
      <c r="U124">
        <v>0</v>
      </c>
      <c r="V124">
        <v>0</v>
      </c>
      <c r="W124">
        <v>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0</v>
      </c>
      <c r="AD124">
        <v>0</v>
      </c>
      <c r="AE124">
        <v>0</v>
      </c>
      <c r="AF124">
        <v>0</v>
      </c>
      <c r="AG124">
        <v>0</v>
      </c>
      <c r="AH124">
        <v>0</v>
      </c>
      <c r="AI124">
        <v>0</v>
      </c>
    </row>
    <row r="125" spans="1:35" x14ac:dyDescent="0.4">
      <c r="A125">
        <v>430</v>
      </c>
      <c r="B125">
        <v>428</v>
      </c>
      <c r="C125">
        <v>0</v>
      </c>
      <c r="D125" s="1">
        <v>45110</v>
      </c>
      <c r="E125">
        <v>0</v>
      </c>
      <c r="F125">
        <v>0</v>
      </c>
      <c r="G125">
        <v>0</v>
      </c>
      <c r="H125">
        <v>0</v>
      </c>
      <c r="I125">
        <v>0</v>
      </c>
      <c r="J125">
        <v>0</v>
      </c>
      <c r="K125">
        <v>0</v>
      </c>
      <c r="L125">
        <v>0</v>
      </c>
      <c r="M125">
        <v>0</v>
      </c>
      <c r="N125">
        <v>0</v>
      </c>
      <c r="O125">
        <v>0</v>
      </c>
      <c r="P125">
        <v>0</v>
      </c>
      <c r="Q125">
        <v>0</v>
      </c>
      <c r="R125">
        <v>0</v>
      </c>
      <c r="S125">
        <v>0</v>
      </c>
      <c r="T125">
        <v>0</v>
      </c>
      <c r="U125">
        <v>0</v>
      </c>
      <c r="V125">
        <v>0</v>
      </c>
      <c r="W125">
        <v>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0</v>
      </c>
      <c r="AD125">
        <v>0</v>
      </c>
      <c r="AE125">
        <v>0</v>
      </c>
      <c r="AF125">
        <v>0</v>
      </c>
      <c r="AG125">
        <v>0</v>
      </c>
      <c r="AH125">
        <v>0</v>
      </c>
      <c r="AI125">
        <v>0</v>
      </c>
    </row>
    <row r="126" spans="1:35" x14ac:dyDescent="0.4">
      <c r="A126">
        <v>95</v>
      </c>
      <c r="B126">
        <v>92</v>
      </c>
      <c r="C126">
        <v>0</v>
      </c>
      <c r="D126" s="1">
        <v>40315</v>
      </c>
      <c r="E126">
        <v>0</v>
      </c>
      <c r="F126">
        <v>0</v>
      </c>
      <c r="G126">
        <v>550</v>
      </c>
      <c r="H126">
        <v>550</v>
      </c>
      <c r="I126">
        <v>550</v>
      </c>
      <c r="J126">
        <v>0</v>
      </c>
      <c r="K126">
        <v>0</v>
      </c>
      <c r="L126">
        <v>550</v>
      </c>
      <c r="M126">
        <v>550</v>
      </c>
      <c r="N126">
        <v>550</v>
      </c>
      <c r="O126">
        <v>550</v>
      </c>
      <c r="P126">
        <v>0</v>
      </c>
      <c r="Q126">
        <v>0</v>
      </c>
      <c r="R126">
        <v>0</v>
      </c>
      <c r="S126">
        <v>0</v>
      </c>
      <c r="T126">
        <v>0</v>
      </c>
      <c r="U126">
        <v>0</v>
      </c>
      <c r="V126">
        <v>0</v>
      </c>
      <c r="W126">
        <v>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0</v>
      </c>
      <c r="AD126">
        <v>0</v>
      </c>
      <c r="AE126">
        <v>0</v>
      </c>
      <c r="AF126">
        <v>0</v>
      </c>
      <c r="AG126">
        <v>0</v>
      </c>
      <c r="AH126">
        <v>0</v>
      </c>
      <c r="AI126">
        <v>0</v>
      </c>
    </row>
    <row r="127" spans="1:35" x14ac:dyDescent="0.4">
      <c r="A127">
        <v>96</v>
      </c>
      <c r="B127">
        <v>93</v>
      </c>
      <c r="C127">
        <v>0</v>
      </c>
      <c r="D127" s="1">
        <v>40315</v>
      </c>
      <c r="E127">
        <v>0</v>
      </c>
      <c r="F127">
        <v>0</v>
      </c>
      <c r="G127">
        <v>550</v>
      </c>
      <c r="H127">
        <v>550</v>
      </c>
      <c r="I127">
        <v>550</v>
      </c>
      <c r="J127">
        <v>0</v>
      </c>
      <c r="K127">
        <v>0</v>
      </c>
      <c r="L127">
        <v>550</v>
      </c>
      <c r="M127">
        <v>550</v>
      </c>
      <c r="N127">
        <v>550</v>
      </c>
      <c r="O127">
        <v>550</v>
      </c>
      <c r="P127">
        <v>0</v>
      </c>
      <c r="Q127">
        <v>0</v>
      </c>
      <c r="R127">
        <v>0</v>
      </c>
      <c r="S127">
        <v>0</v>
      </c>
      <c r="T127">
        <v>0</v>
      </c>
      <c r="U127">
        <v>0</v>
      </c>
      <c r="V127">
        <v>0</v>
      </c>
      <c r="W127">
        <v>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0</v>
      </c>
      <c r="AD127">
        <v>0</v>
      </c>
      <c r="AE127">
        <v>0</v>
      </c>
      <c r="AF127">
        <v>0</v>
      </c>
      <c r="AG127">
        <v>0</v>
      </c>
      <c r="AH127">
        <v>0</v>
      </c>
      <c r="AI127">
        <v>0</v>
      </c>
    </row>
    <row r="128" spans="1:35" x14ac:dyDescent="0.4">
      <c r="A128">
        <v>97</v>
      </c>
      <c r="B128">
        <v>94</v>
      </c>
      <c r="C128">
        <v>0</v>
      </c>
      <c r="D128" s="1">
        <v>40315</v>
      </c>
      <c r="E128">
        <v>0</v>
      </c>
      <c r="F128">
        <v>0</v>
      </c>
      <c r="G128">
        <v>550</v>
      </c>
      <c r="H128">
        <v>550</v>
      </c>
      <c r="I128">
        <v>550</v>
      </c>
      <c r="J128">
        <v>0</v>
      </c>
      <c r="K128">
        <v>0</v>
      </c>
      <c r="L128">
        <v>550</v>
      </c>
      <c r="M128">
        <v>550</v>
      </c>
      <c r="N128">
        <v>550</v>
      </c>
      <c r="O128">
        <v>550</v>
      </c>
      <c r="P128">
        <v>0</v>
      </c>
      <c r="Q128">
        <v>0</v>
      </c>
      <c r="R128">
        <v>0</v>
      </c>
      <c r="S128">
        <v>0</v>
      </c>
      <c r="T128">
        <v>0</v>
      </c>
      <c r="U128">
        <v>0</v>
      </c>
      <c r="V128">
        <v>0</v>
      </c>
      <c r="W128">
        <v>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0</v>
      </c>
      <c r="AD128">
        <v>0</v>
      </c>
      <c r="AE128">
        <v>0</v>
      </c>
      <c r="AF128">
        <v>0</v>
      </c>
      <c r="AG128">
        <v>0</v>
      </c>
      <c r="AH128">
        <v>0</v>
      </c>
      <c r="AI128">
        <v>0</v>
      </c>
    </row>
    <row r="129" spans="1:35" x14ac:dyDescent="0.4">
      <c r="A129">
        <v>98</v>
      </c>
      <c r="B129">
        <v>95</v>
      </c>
      <c r="C129">
        <v>0</v>
      </c>
      <c r="D129" s="1">
        <v>40315</v>
      </c>
      <c r="E129">
        <v>0</v>
      </c>
      <c r="F129">
        <v>0</v>
      </c>
      <c r="G129">
        <v>462</v>
      </c>
      <c r="H129">
        <v>462</v>
      </c>
      <c r="I129">
        <v>0</v>
      </c>
      <c r="J129">
        <v>0</v>
      </c>
      <c r="K129">
        <v>0</v>
      </c>
      <c r="L129">
        <v>462</v>
      </c>
      <c r="M129">
        <v>462</v>
      </c>
      <c r="N129">
        <v>462</v>
      </c>
      <c r="O129">
        <v>462</v>
      </c>
      <c r="P129">
        <v>0</v>
      </c>
      <c r="Q129">
        <v>0</v>
      </c>
      <c r="R129">
        <v>0</v>
      </c>
      <c r="S129">
        <v>0</v>
      </c>
      <c r="T129">
        <v>0</v>
      </c>
      <c r="U129">
        <v>0</v>
      </c>
      <c r="V129">
        <v>0</v>
      </c>
      <c r="W129">
        <v>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0</v>
      </c>
      <c r="AD129">
        <v>0</v>
      </c>
      <c r="AE129">
        <v>0</v>
      </c>
      <c r="AF129">
        <v>0</v>
      </c>
      <c r="AG129">
        <v>0</v>
      </c>
      <c r="AH129">
        <v>0</v>
      </c>
      <c r="AI129">
        <v>0</v>
      </c>
    </row>
    <row r="130" spans="1:35" x14ac:dyDescent="0.4">
      <c r="A130">
        <v>113</v>
      </c>
      <c r="B130">
        <v>110</v>
      </c>
      <c r="C130">
        <v>0</v>
      </c>
      <c r="D130" s="1">
        <v>40315</v>
      </c>
      <c r="E130">
        <v>0</v>
      </c>
      <c r="F130">
        <v>0</v>
      </c>
      <c r="G130">
        <v>385</v>
      </c>
      <c r="H130">
        <v>385</v>
      </c>
      <c r="I130">
        <v>385</v>
      </c>
      <c r="J130">
        <v>0</v>
      </c>
      <c r="K130">
        <v>0</v>
      </c>
      <c r="L130">
        <v>385</v>
      </c>
      <c r="M130">
        <v>385</v>
      </c>
      <c r="N130">
        <v>385</v>
      </c>
      <c r="O130">
        <v>385</v>
      </c>
      <c r="P130">
        <v>0</v>
      </c>
      <c r="Q130">
        <v>0</v>
      </c>
      <c r="R130">
        <v>0</v>
      </c>
      <c r="S130">
        <v>0</v>
      </c>
      <c r="T130">
        <v>0</v>
      </c>
      <c r="U130">
        <v>0</v>
      </c>
      <c r="V130">
        <v>0</v>
      </c>
      <c r="W130">
        <v>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0</v>
      </c>
      <c r="AD130">
        <v>0</v>
      </c>
      <c r="AE130">
        <v>0</v>
      </c>
      <c r="AF130">
        <v>0</v>
      </c>
      <c r="AG130">
        <v>0</v>
      </c>
      <c r="AH130">
        <v>0</v>
      </c>
      <c r="AI130">
        <v>0</v>
      </c>
    </row>
    <row r="131" spans="1:35" x14ac:dyDescent="0.4">
      <c r="A131">
        <v>431</v>
      </c>
      <c r="B131">
        <v>429</v>
      </c>
      <c r="C131">
        <v>0</v>
      </c>
      <c r="D131" s="1">
        <v>45110</v>
      </c>
      <c r="E131">
        <v>0</v>
      </c>
      <c r="F131">
        <v>0</v>
      </c>
      <c r="G131">
        <v>220</v>
      </c>
      <c r="H131">
        <v>220</v>
      </c>
      <c r="I131">
        <v>220</v>
      </c>
      <c r="J131">
        <v>220</v>
      </c>
      <c r="K131">
        <v>220</v>
      </c>
      <c r="L131">
        <v>220</v>
      </c>
      <c r="M131">
        <v>220</v>
      </c>
      <c r="N131">
        <v>220</v>
      </c>
      <c r="O131">
        <v>220</v>
      </c>
      <c r="P131">
        <v>0</v>
      </c>
      <c r="Q131">
        <v>0</v>
      </c>
      <c r="R131">
        <v>0</v>
      </c>
      <c r="S131">
        <v>0</v>
      </c>
      <c r="T131">
        <v>0</v>
      </c>
      <c r="U131">
        <v>0</v>
      </c>
      <c r="V131">
        <v>0</v>
      </c>
      <c r="W131">
        <v>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0</v>
      </c>
      <c r="AD131">
        <v>0</v>
      </c>
      <c r="AE131">
        <v>0</v>
      </c>
      <c r="AF131">
        <v>0</v>
      </c>
      <c r="AG131">
        <v>0</v>
      </c>
      <c r="AH131">
        <v>0</v>
      </c>
      <c r="AI131">
        <v>0</v>
      </c>
    </row>
    <row r="132" spans="1:35" x14ac:dyDescent="0.4">
      <c r="A132">
        <v>432</v>
      </c>
      <c r="B132">
        <v>430</v>
      </c>
      <c r="C132">
        <v>0</v>
      </c>
      <c r="D132" s="1">
        <v>45110</v>
      </c>
      <c r="E132">
        <v>0</v>
      </c>
      <c r="F132">
        <v>0</v>
      </c>
      <c r="G132">
        <v>700</v>
      </c>
      <c r="H132">
        <v>700</v>
      </c>
      <c r="I132">
        <v>700</v>
      </c>
      <c r="J132">
        <v>700</v>
      </c>
      <c r="K132">
        <v>700</v>
      </c>
      <c r="L132">
        <v>700</v>
      </c>
      <c r="M132">
        <v>700</v>
      </c>
      <c r="N132">
        <v>700</v>
      </c>
      <c r="O132">
        <v>700</v>
      </c>
      <c r="P132">
        <v>0</v>
      </c>
      <c r="Q132">
        <v>0</v>
      </c>
      <c r="R132">
        <v>0</v>
      </c>
      <c r="S132">
        <v>0</v>
      </c>
      <c r="T132">
        <v>0</v>
      </c>
      <c r="U132">
        <v>0</v>
      </c>
      <c r="V132">
        <v>0</v>
      </c>
      <c r="W132">
        <v>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0</v>
      </c>
      <c r="AD132">
        <v>0</v>
      </c>
      <c r="AE132">
        <v>0</v>
      </c>
      <c r="AF132">
        <v>0</v>
      </c>
      <c r="AG132">
        <v>0</v>
      </c>
      <c r="AH132">
        <v>0</v>
      </c>
      <c r="AI132">
        <v>0</v>
      </c>
    </row>
    <row r="133" spans="1:35" x14ac:dyDescent="0.4">
      <c r="A133">
        <v>117</v>
      </c>
      <c r="B133">
        <v>114</v>
      </c>
      <c r="C133">
        <v>0</v>
      </c>
      <c r="D133" s="1">
        <v>40315</v>
      </c>
      <c r="E133">
        <v>0</v>
      </c>
      <c r="F133">
        <v>0</v>
      </c>
      <c r="G133">
        <v>385</v>
      </c>
      <c r="H133">
        <v>385</v>
      </c>
      <c r="I133">
        <v>385</v>
      </c>
      <c r="J133">
        <v>0</v>
      </c>
      <c r="K133">
        <v>0</v>
      </c>
      <c r="L133">
        <v>385</v>
      </c>
      <c r="M133">
        <v>385</v>
      </c>
      <c r="N133">
        <v>385</v>
      </c>
      <c r="O133">
        <v>385</v>
      </c>
      <c r="P133">
        <v>0</v>
      </c>
      <c r="Q133">
        <v>0</v>
      </c>
      <c r="R133">
        <v>0</v>
      </c>
      <c r="S133">
        <v>0</v>
      </c>
      <c r="T133">
        <v>0</v>
      </c>
      <c r="U133">
        <v>0</v>
      </c>
      <c r="V133">
        <v>0</v>
      </c>
      <c r="W133">
        <v>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0</v>
      </c>
      <c r="AD133">
        <v>0</v>
      </c>
      <c r="AE133">
        <v>0</v>
      </c>
      <c r="AF133">
        <v>0</v>
      </c>
      <c r="AG133">
        <v>0</v>
      </c>
      <c r="AH133">
        <v>0</v>
      </c>
      <c r="AI133">
        <v>0</v>
      </c>
    </row>
    <row r="134" spans="1:35" x14ac:dyDescent="0.4">
      <c r="A134">
        <v>118</v>
      </c>
      <c r="B134">
        <v>115</v>
      </c>
      <c r="C134">
        <v>0</v>
      </c>
      <c r="D134" s="1">
        <v>40315</v>
      </c>
      <c r="E134">
        <v>0</v>
      </c>
      <c r="F134">
        <v>0</v>
      </c>
      <c r="G134">
        <v>200</v>
      </c>
      <c r="H134">
        <v>200</v>
      </c>
      <c r="I134">
        <v>200</v>
      </c>
      <c r="J134">
        <v>200</v>
      </c>
      <c r="K134">
        <v>200</v>
      </c>
      <c r="L134">
        <v>200</v>
      </c>
      <c r="M134">
        <v>200</v>
      </c>
      <c r="N134">
        <v>200</v>
      </c>
      <c r="O134">
        <v>200</v>
      </c>
      <c r="P134">
        <v>0</v>
      </c>
      <c r="Q134">
        <v>0</v>
      </c>
      <c r="R134">
        <v>0</v>
      </c>
      <c r="S134">
        <v>0</v>
      </c>
      <c r="T134">
        <v>0</v>
      </c>
      <c r="U134">
        <v>0</v>
      </c>
      <c r="V134">
        <v>0</v>
      </c>
      <c r="W134">
        <v>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0</v>
      </c>
      <c r="AD134">
        <v>0</v>
      </c>
      <c r="AE134">
        <v>0</v>
      </c>
      <c r="AF134">
        <v>0</v>
      </c>
      <c r="AG134">
        <v>0</v>
      </c>
      <c r="AH134">
        <v>0</v>
      </c>
      <c r="AI134">
        <v>0</v>
      </c>
    </row>
    <row r="135" spans="1:35" x14ac:dyDescent="0.4">
      <c r="A135">
        <v>119</v>
      </c>
      <c r="B135">
        <v>116</v>
      </c>
      <c r="C135">
        <v>0</v>
      </c>
      <c r="D135" s="1">
        <v>40315</v>
      </c>
      <c r="E135">
        <v>0</v>
      </c>
      <c r="F135">
        <v>0</v>
      </c>
      <c r="G135">
        <v>200</v>
      </c>
      <c r="H135">
        <v>200</v>
      </c>
      <c r="I135">
        <v>200</v>
      </c>
      <c r="J135">
        <v>200</v>
      </c>
      <c r="K135">
        <v>200</v>
      </c>
      <c r="L135">
        <v>200</v>
      </c>
      <c r="M135">
        <v>200</v>
      </c>
      <c r="N135">
        <v>200</v>
      </c>
      <c r="O135">
        <v>200</v>
      </c>
      <c r="P135">
        <v>0</v>
      </c>
      <c r="Q135">
        <v>0</v>
      </c>
      <c r="R135">
        <v>0</v>
      </c>
      <c r="S135">
        <v>0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0</v>
      </c>
      <c r="AD135">
        <v>0</v>
      </c>
      <c r="AE135">
        <v>0</v>
      </c>
      <c r="AF135">
        <v>0</v>
      </c>
      <c r="AG135">
        <v>0</v>
      </c>
      <c r="AH135">
        <v>0</v>
      </c>
      <c r="AI135">
        <v>0</v>
      </c>
    </row>
    <row r="136" spans="1:35" x14ac:dyDescent="0.4">
      <c r="A136">
        <v>433</v>
      </c>
      <c r="B136">
        <v>431</v>
      </c>
      <c r="C136">
        <v>0</v>
      </c>
      <c r="D136" s="1">
        <v>45110</v>
      </c>
      <c r="E136">
        <v>0</v>
      </c>
      <c r="F136">
        <v>0</v>
      </c>
      <c r="G136">
        <v>700</v>
      </c>
      <c r="H136">
        <v>700</v>
      </c>
      <c r="I136">
        <v>700</v>
      </c>
      <c r="J136">
        <v>700</v>
      </c>
      <c r="K136">
        <v>700</v>
      </c>
      <c r="L136">
        <v>700</v>
      </c>
      <c r="M136">
        <v>700</v>
      </c>
      <c r="N136">
        <v>700</v>
      </c>
      <c r="O136">
        <v>700</v>
      </c>
      <c r="P136">
        <v>0</v>
      </c>
      <c r="Q136">
        <v>0</v>
      </c>
      <c r="R136">
        <v>0</v>
      </c>
      <c r="S136">
        <v>0</v>
      </c>
      <c r="T136">
        <v>0</v>
      </c>
      <c r="U136">
        <v>0</v>
      </c>
      <c r="V136">
        <v>0</v>
      </c>
      <c r="W136">
        <v>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0</v>
      </c>
      <c r="AD136">
        <v>0</v>
      </c>
      <c r="AE136">
        <v>0</v>
      </c>
      <c r="AF136">
        <v>0</v>
      </c>
      <c r="AG136">
        <v>0</v>
      </c>
      <c r="AH136">
        <v>0</v>
      </c>
      <c r="AI136">
        <v>0</v>
      </c>
    </row>
    <row r="137" spans="1:35" x14ac:dyDescent="0.4">
      <c r="A137">
        <v>121</v>
      </c>
      <c r="B137">
        <v>118</v>
      </c>
      <c r="C137">
        <v>0</v>
      </c>
      <c r="D137" s="1">
        <v>40315</v>
      </c>
      <c r="E137">
        <v>0</v>
      </c>
      <c r="F137">
        <v>0</v>
      </c>
      <c r="G137">
        <v>440</v>
      </c>
      <c r="H137">
        <v>440</v>
      </c>
      <c r="I137">
        <v>440</v>
      </c>
      <c r="J137">
        <v>0</v>
      </c>
      <c r="K137">
        <v>0</v>
      </c>
      <c r="L137">
        <v>440</v>
      </c>
      <c r="M137">
        <v>440</v>
      </c>
      <c r="N137">
        <v>440</v>
      </c>
      <c r="O137">
        <v>440</v>
      </c>
      <c r="P137">
        <v>0</v>
      </c>
      <c r="Q137">
        <v>0</v>
      </c>
      <c r="R137">
        <v>0</v>
      </c>
      <c r="S137">
        <v>0</v>
      </c>
      <c r="T137">
        <v>0</v>
      </c>
      <c r="U137">
        <v>0</v>
      </c>
      <c r="V137">
        <v>0</v>
      </c>
      <c r="W137">
        <v>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0</v>
      </c>
      <c r="AD137">
        <v>0</v>
      </c>
      <c r="AE137">
        <v>0</v>
      </c>
      <c r="AF137">
        <v>0</v>
      </c>
      <c r="AG137">
        <v>0</v>
      </c>
      <c r="AH137">
        <v>0</v>
      </c>
      <c r="AI137">
        <v>0</v>
      </c>
    </row>
    <row r="138" spans="1:35" x14ac:dyDescent="0.4">
      <c r="A138">
        <v>128</v>
      </c>
      <c r="B138">
        <v>125</v>
      </c>
      <c r="C138">
        <v>0</v>
      </c>
      <c r="D138" s="1">
        <v>40315</v>
      </c>
      <c r="E138">
        <v>0</v>
      </c>
      <c r="F138">
        <v>0</v>
      </c>
      <c r="G138">
        <v>308</v>
      </c>
      <c r="H138">
        <v>308</v>
      </c>
      <c r="I138">
        <v>308</v>
      </c>
      <c r="J138">
        <v>308</v>
      </c>
      <c r="K138">
        <v>308</v>
      </c>
      <c r="L138">
        <v>308</v>
      </c>
      <c r="M138">
        <v>308</v>
      </c>
      <c r="N138">
        <v>308</v>
      </c>
      <c r="O138">
        <v>308</v>
      </c>
      <c r="P138">
        <v>0</v>
      </c>
      <c r="Q138">
        <v>0</v>
      </c>
      <c r="R138">
        <v>0</v>
      </c>
      <c r="S138">
        <v>0</v>
      </c>
      <c r="T138">
        <v>0</v>
      </c>
      <c r="U138">
        <v>0</v>
      </c>
      <c r="V138">
        <v>0</v>
      </c>
      <c r="W138">
        <v>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0</v>
      </c>
      <c r="AD138">
        <v>0</v>
      </c>
      <c r="AE138">
        <v>0</v>
      </c>
      <c r="AF138">
        <v>0</v>
      </c>
      <c r="AG138">
        <v>0</v>
      </c>
      <c r="AH138">
        <v>0</v>
      </c>
      <c r="AI138">
        <v>0</v>
      </c>
    </row>
    <row r="139" spans="1:35" x14ac:dyDescent="0.4">
      <c r="A139">
        <v>129</v>
      </c>
      <c r="B139">
        <v>126</v>
      </c>
      <c r="C139">
        <v>0</v>
      </c>
      <c r="D139" s="1">
        <v>40315</v>
      </c>
      <c r="E139">
        <v>0</v>
      </c>
      <c r="F139">
        <v>0</v>
      </c>
      <c r="G139">
        <v>330</v>
      </c>
      <c r="H139">
        <v>330</v>
      </c>
      <c r="I139">
        <v>330</v>
      </c>
      <c r="J139">
        <v>330</v>
      </c>
      <c r="K139">
        <v>330</v>
      </c>
      <c r="L139">
        <v>330</v>
      </c>
      <c r="M139">
        <v>330</v>
      </c>
      <c r="N139">
        <v>330</v>
      </c>
      <c r="O139">
        <v>330</v>
      </c>
      <c r="P139">
        <v>0</v>
      </c>
      <c r="Q139">
        <v>0</v>
      </c>
      <c r="R139">
        <v>0</v>
      </c>
      <c r="S139">
        <v>0</v>
      </c>
      <c r="T139">
        <v>0</v>
      </c>
      <c r="U139">
        <v>0</v>
      </c>
      <c r="V139">
        <v>0</v>
      </c>
      <c r="W139">
        <v>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0</v>
      </c>
      <c r="AD139">
        <v>0</v>
      </c>
      <c r="AE139">
        <v>0</v>
      </c>
      <c r="AF139">
        <v>0</v>
      </c>
      <c r="AG139">
        <v>0</v>
      </c>
      <c r="AH139">
        <v>0</v>
      </c>
      <c r="AI139">
        <v>0</v>
      </c>
    </row>
    <row r="140" spans="1:35" x14ac:dyDescent="0.4">
      <c r="A140">
        <v>434</v>
      </c>
      <c r="B140">
        <v>432</v>
      </c>
      <c r="C140">
        <v>0</v>
      </c>
      <c r="D140" s="1">
        <v>45110</v>
      </c>
      <c r="E140">
        <v>0</v>
      </c>
      <c r="F140">
        <v>0</v>
      </c>
      <c r="G140">
        <v>700</v>
      </c>
      <c r="H140">
        <v>700</v>
      </c>
      <c r="I140">
        <v>700</v>
      </c>
      <c r="J140">
        <v>700</v>
      </c>
      <c r="K140">
        <v>700</v>
      </c>
      <c r="L140">
        <v>700</v>
      </c>
      <c r="M140">
        <v>700</v>
      </c>
      <c r="N140">
        <v>700</v>
      </c>
      <c r="O140">
        <v>700</v>
      </c>
      <c r="P140">
        <v>0</v>
      </c>
      <c r="Q140">
        <v>0</v>
      </c>
      <c r="R140">
        <v>0</v>
      </c>
      <c r="S140">
        <v>0</v>
      </c>
      <c r="T140">
        <v>0</v>
      </c>
      <c r="U140">
        <v>0</v>
      </c>
      <c r="V140">
        <v>0</v>
      </c>
      <c r="W140">
        <v>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0</v>
      </c>
      <c r="AD140">
        <v>0</v>
      </c>
      <c r="AE140">
        <v>0</v>
      </c>
      <c r="AF140">
        <v>0</v>
      </c>
      <c r="AG140">
        <v>0</v>
      </c>
      <c r="AH140">
        <v>0</v>
      </c>
      <c r="AI140">
        <v>0</v>
      </c>
    </row>
    <row r="141" spans="1:35" x14ac:dyDescent="0.4">
      <c r="A141">
        <v>435</v>
      </c>
      <c r="B141">
        <v>433</v>
      </c>
      <c r="C141">
        <v>0</v>
      </c>
      <c r="D141" s="1">
        <v>45110</v>
      </c>
      <c r="E141">
        <v>0</v>
      </c>
      <c r="F141">
        <v>0</v>
      </c>
      <c r="G141">
        <v>748</v>
      </c>
      <c r="H141">
        <v>748</v>
      </c>
      <c r="I141">
        <v>748</v>
      </c>
      <c r="J141">
        <v>748</v>
      </c>
      <c r="K141">
        <v>748</v>
      </c>
      <c r="L141">
        <v>748</v>
      </c>
      <c r="M141">
        <v>748</v>
      </c>
      <c r="N141">
        <v>748</v>
      </c>
      <c r="O141">
        <v>748</v>
      </c>
      <c r="P141">
        <v>0</v>
      </c>
      <c r="Q141">
        <v>0</v>
      </c>
      <c r="R141">
        <v>0</v>
      </c>
      <c r="S141">
        <v>0</v>
      </c>
      <c r="T141">
        <v>0</v>
      </c>
      <c r="U141">
        <v>0</v>
      </c>
      <c r="V141">
        <v>0</v>
      </c>
      <c r="W141">
        <v>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0</v>
      </c>
      <c r="AD141">
        <v>0</v>
      </c>
      <c r="AE141">
        <v>0</v>
      </c>
      <c r="AF141">
        <v>0</v>
      </c>
      <c r="AG141">
        <v>0</v>
      </c>
      <c r="AH141">
        <v>0</v>
      </c>
      <c r="AI141">
        <v>0</v>
      </c>
    </row>
    <row r="142" spans="1:35" x14ac:dyDescent="0.4">
      <c r="A142">
        <v>152</v>
      </c>
      <c r="B142">
        <v>149</v>
      </c>
      <c r="C142">
        <v>0</v>
      </c>
      <c r="D142" s="1">
        <v>40315</v>
      </c>
      <c r="E142">
        <v>0</v>
      </c>
      <c r="F142">
        <v>0</v>
      </c>
      <c r="G142">
        <v>440</v>
      </c>
      <c r="H142">
        <v>440</v>
      </c>
      <c r="I142">
        <v>440</v>
      </c>
      <c r="J142">
        <v>440</v>
      </c>
      <c r="K142">
        <v>440</v>
      </c>
      <c r="L142">
        <v>440</v>
      </c>
      <c r="M142">
        <v>440</v>
      </c>
      <c r="N142">
        <v>440</v>
      </c>
      <c r="O142">
        <v>440</v>
      </c>
      <c r="P142">
        <v>0</v>
      </c>
      <c r="Q142">
        <v>0</v>
      </c>
      <c r="R142">
        <v>0</v>
      </c>
      <c r="S142">
        <v>0</v>
      </c>
      <c r="T142">
        <v>0</v>
      </c>
      <c r="U142">
        <v>0</v>
      </c>
      <c r="V142">
        <v>0</v>
      </c>
      <c r="W142">
        <v>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0</v>
      </c>
      <c r="AD142">
        <v>0</v>
      </c>
      <c r="AE142">
        <v>0</v>
      </c>
      <c r="AF142">
        <v>0</v>
      </c>
      <c r="AG142">
        <v>0</v>
      </c>
      <c r="AH142">
        <v>0</v>
      </c>
      <c r="AI142">
        <v>0</v>
      </c>
    </row>
    <row r="143" spans="1:35" x14ac:dyDescent="0.4">
      <c r="A143">
        <v>153</v>
      </c>
      <c r="B143">
        <v>150</v>
      </c>
      <c r="C143">
        <v>0</v>
      </c>
      <c r="D143" s="1">
        <v>40315</v>
      </c>
      <c r="E143">
        <v>0</v>
      </c>
      <c r="F143">
        <v>0</v>
      </c>
      <c r="G143">
        <v>528</v>
      </c>
      <c r="H143">
        <v>528</v>
      </c>
      <c r="I143">
        <v>528</v>
      </c>
      <c r="J143">
        <v>528</v>
      </c>
      <c r="K143">
        <v>528</v>
      </c>
      <c r="L143">
        <v>528</v>
      </c>
      <c r="M143">
        <v>528</v>
      </c>
      <c r="N143">
        <v>528</v>
      </c>
      <c r="O143">
        <v>528</v>
      </c>
      <c r="P143">
        <v>0</v>
      </c>
      <c r="Q143">
        <v>0</v>
      </c>
      <c r="R143">
        <v>0</v>
      </c>
      <c r="S143">
        <v>0</v>
      </c>
      <c r="T143">
        <v>0</v>
      </c>
      <c r="U143">
        <v>0</v>
      </c>
      <c r="V143">
        <v>0</v>
      </c>
      <c r="W143">
        <v>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0</v>
      </c>
      <c r="AD143">
        <v>0</v>
      </c>
      <c r="AE143">
        <v>0</v>
      </c>
      <c r="AF143">
        <v>0</v>
      </c>
      <c r="AG143">
        <v>0</v>
      </c>
      <c r="AH143">
        <v>0</v>
      </c>
      <c r="AI143">
        <v>0</v>
      </c>
    </row>
    <row r="144" spans="1:35" x14ac:dyDescent="0.4">
      <c r="A144">
        <v>154</v>
      </c>
      <c r="B144">
        <v>151</v>
      </c>
      <c r="C144">
        <v>0</v>
      </c>
      <c r="D144" s="1">
        <v>40315</v>
      </c>
      <c r="E144">
        <v>0</v>
      </c>
      <c r="F144">
        <v>0</v>
      </c>
      <c r="G144">
        <v>605</v>
      </c>
      <c r="H144">
        <v>605</v>
      </c>
      <c r="I144">
        <v>605</v>
      </c>
      <c r="J144">
        <v>605</v>
      </c>
      <c r="K144">
        <v>605</v>
      </c>
      <c r="L144">
        <v>605</v>
      </c>
      <c r="M144">
        <v>605</v>
      </c>
      <c r="N144">
        <v>605</v>
      </c>
      <c r="O144">
        <v>605</v>
      </c>
      <c r="P144">
        <v>0</v>
      </c>
      <c r="Q144">
        <v>0</v>
      </c>
      <c r="R144">
        <v>0</v>
      </c>
      <c r="S144">
        <v>0</v>
      </c>
      <c r="T144">
        <v>0</v>
      </c>
      <c r="U144">
        <v>0</v>
      </c>
      <c r="V144">
        <v>0</v>
      </c>
      <c r="W144">
        <v>0</v>
      </c>
      <c r="X144">
        <v>0</v>
      </c>
      <c r="Y144">
        <v>0</v>
      </c>
      <c r="Z144">
        <v>0</v>
      </c>
      <c r="AA144">
        <v>0</v>
      </c>
      <c r="AB144">
        <v>0</v>
      </c>
      <c r="AC144">
        <v>0</v>
      </c>
      <c r="AD144">
        <v>0</v>
      </c>
      <c r="AE144">
        <v>0</v>
      </c>
      <c r="AF144">
        <v>0</v>
      </c>
      <c r="AG144">
        <v>0</v>
      </c>
      <c r="AH144">
        <v>0</v>
      </c>
      <c r="AI144">
        <v>0</v>
      </c>
    </row>
    <row r="145" spans="1:35" x14ac:dyDescent="0.4">
      <c r="A145">
        <v>155</v>
      </c>
      <c r="B145">
        <v>152</v>
      </c>
      <c r="C145">
        <v>0</v>
      </c>
      <c r="D145" s="1">
        <v>40315</v>
      </c>
      <c r="E145">
        <v>0</v>
      </c>
      <c r="F145">
        <v>0</v>
      </c>
      <c r="G145">
        <v>330</v>
      </c>
      <c r="H145">
        <v>330</v>
      </c>
      <c r="I145">
        <v>330</v>
      </c>
      <c r="J145">
        <v>330</v>
      </c>
      <c r="K145">
        <v>330</v>
      </c>
      <c r="L145">
        <v>330</v>
      </c>
      <c r="M145">
        <v>330</v>
      </c>
      <c r="N145">
        <v>330</v>
      </c>
      <c r="O145">
        <v>330</v>
      </c>
      <c r="P145">
        <v>0</v>
      </c>
      <c r="Q145">
        <v>0</v>
      </c>
      <c r="R145">
        <v>0</v>
      </c>
      <c r="S145">
        <v>0</v>
      </c>
      <c r="T145">
        <v>0</v>
      </c>
      <c r="U145">
        <v>0</v>
      </c>
      <c r="V145">
        <v>0</v>
      </c>
      <c r="W145">
        <v>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0</v>
      </c>
      <c r="AD145">
        <v>0</v>
      </c>
      <c r="AE145">
        <v>0</v>
      </c>
      <c r="AF145">
        <v>0</v>
      </c>
      <c r="AG145">
        <v>0</v>
      </c>
      <c r="AH145">
        <v>0</v>
      </c>
      <c r="AI145">
        <v>0</v>
      </c>
    </row>
    <row r="146" spans="1:35" x14ac:dyDescent="0.4">
      <c r="A146">
        <v>157</v>
      </c>
      <c r="B146">
        <v>154</v>
      </c>
      <c r="C146">
        <v>0</v>
      </c>
      <c r="D146" s="1">
        <v>40315</v>
      </c>
      <c r="E146">
        <v>0</v>
      </c>
      <c r="F146">
        <v>0</v>
      </c>
      <c r="G146">
        <v>550</v>
      </c>
      <c r="H146">
        <v>550</v>
      </c>
      <c r="I146">
        <v>550</v>
      </c>
      <c r="J146">
        <v>550</v>
      </c>
      <c r="K146">
        <v>550</v>
      </c>
      <c r="L146">
        <v>550</v>
      </c>
      <c r="M146">
        <v>550</v>
      </c>
      <c r="N146">
        <v>550</v>
      </c>
      <c r="O146">
        <v>550</v>
      </c>
      <c r="P146">
        <v>0</v>
      </c>
      <c r="Q146">
        <v>0</v>
      </c>
      <c r="R146">
        <v>0</v>
      </c>
      <c r="S146">
        <v>0</v>
      </c>
      <c r="T146">
        <v>0</v>
      </c>
      <c r="U146">
        <v>0</v>
      </c>
      <c r="V146">
        <v>0</v>
      </c>
      <c r="W146">
        <v>0</v>
      </c>
      <c r="X146">
        <v>0</v>
      </c>
      <c r="Y146">
        <v>0</v>
      </c>
      <c r="Z146">
        <v>0</v>
      </c>
      <c r="AA146">
        <v>0</v>
      </c>
      <c r="AB146">
        <v>0</v>
      </c>
      <c r="AC146">
        <v>0</v>
      </c>
      <c r="AD146">
        <v>0</v>
      </c>
      <c r="AE146">
        <v>0</v>
      </c>
      <c r="AF146">
        <v>0</v>
      </c>
      <c r="AG146">
        <v>0</v>
      </c>
      <c r="AH146">
        <v>0</v>
      </c>
      <c r="AI146">
        <v>0</v>
      </c>
    </row>
    <row r="147" spans="1:35" x14ac:dyDescent="0.4">
      <c r="A147">
        <v>158</v>
      </c>
      <c r="B147">
        <v>155</v>
      </c>
      <c r="C147">
        <v>0</v>
      </c>
      <c r="D147" s="1">
        <v>40315</v>
      </c>
      <c r="E147">
        <v>0</v>
      </c>
      <c r="F147">
        <v>0</v>
      </c>
      <c r="G147">
        <v>462</v>
      </c>
      <c r="H147">
        <v>462</v>
      </c>
      <c r="I147">
        <v>462</v>
      </c>
      <c r="J147">
        <v>462</v>
      </c>
      <c r="K147">
        <v>462</v>
      </c>
      <c r="L147">
        <v>462</v>
      </c>
      <c r="M147">
        <v>462</v>
      </c>
      <c r="N147">
        <v>462</v>
      </c>
      <c r="O147">
        <v>462</v>
      </c>
      <c r="P147">
        <v>0</v>
      </c>
      <c r="Q147">
        <v>0</v>
      </c>
      <c r="R147">
        <v>0</v>
      </c>
      <c r="S147">
        <v>0</v>
      </c>
      <c r="T147">
        <v>0</v>
      </c>
      <c r="U147">
        <v>0</v>
      </c>
      <c r="V147">
        <v>0</v>
      </c>
      <c r="W147">
        <v>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0</v>
      </c>
      <c r="AD147">
        <v>0</v>
      </c>
      <c r="AE147">
        <v>0</v>
      </c>
      <c r="AF147">
        <v>0</v>
      </c>
      <c r="AG147">
        <v>0</v>
      </c>
      <c r="AH147">
        <v>0</v>
      </c>
      <c r="AI147">
        <v>0</v>
      </c>
    </row>
    <row r="148" spans="1:35" x14ac:dyDescent="0.4">
      <c r="A148">
        <v>175</v>
      </c>
      <c r="B148">
        <v>172</v>
      </c>
      <c r="C148">
        <v>0</v>
      </c>
      <c r="D148" s="1">
        <v>40315</v>
      </c>
      <c r="E148">
        <v>0</v>
      </c>
      <c r="F148">
        <v>0</v>
      </c>
      <c r="G148">
        <v>385</v>
      </c>
      <c r="H148">
        <v>385</v>
      </c>
      <c r="I148">
        <v>385</v>
      </c>
      <c r="J148">
        <v>385</v>
      </c>
      <c r="K148">
        <v>385</v>
      </c>
      <c r="L148">
        <v>385</v>
      </c>
      <c r="M148">
        <v>385</v>
      </c>
      <c r="N148">
        <v>385</v>
      </c>
      <c r="O148">
        <v>385</v>
      </c>
      <c r="P148">
        <v>0</v>
      </c>
      <c r="Q148">
        <v>0</v>
      </c>
      <c r="R148">
        <v>0</v>
      </c>
      <c r="S148">
        <v>0</v>
      </c>
      <c r="T148">
        <v>0</v>
      </c>
      <c r="U148">
        <v>0</v>
      </c>
      <c r="V148">
        <v>0</v>
      </c>
      <c r="W148">
        <v>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0</v>
      </c>
      <c r="AD148">
        <v>0</v>
      </c>
      <c r="AE148">
        <v>0</v>
      </c>
      <c r="AF148">
        <v>0</v>
      </c>
      <c r="AG148">
        <v>0</v>
      </c>
      <c r="AH148">
        <v>0</v>
      </c>
      <c r="AI148">
        <v>0</v>
      </c>
    </row>
    <row r="149" spans="1:35" x14ac:dyDescent="0.4">
      <c r="A149">
        <v>176</v>
      </c>
      <c r="B149">
        <v>173</v>
      </c>
      <c r="C149">
        <v>0</v>
      </c>
      <c r="D149" s="1">
        <v>40315</v>
      </c>
      <c r="E149">
        <v>0</v>
      </c>
      <c r="F149">
        <v>0</v>
      </c>
      <c r="G149">
        <v>385</v>
      </c>
      <c r="H149">
        <v>385</v>
      </c>
      <c r="I149">
        <v>385</v>
      </c>
      <c r="J149">
        <v>385</v>
      </c>
      <c r="K149">
        <v>385</v>
      </c>
      <c r="L149">
        <v>385</v>
      </c>
      <c r="M149">
        <v>385</v>
      </c>
      <c r="N149">
        <v>385</v>
      </c>
      <c r="O149">
        <v>385</v>
      </c>
      <c r="P149">
        <v>0</v>
      </c>
      <c r="Q149">
        <v>0</v>
      </c>
      <c r="R149">
        <v>0</v>
      </c>
      <c r="S149">
        <v>0</v>
      </c>
      <c r="T149">
        <v>0</v>
      </c>
      <c r="U149">
        <v>0</v>
      </c>
      <c r="V149">
        <v>0</v>
      </c>
      <c r="W149">
        <v>0</v>
      </c>
      <c r="X149">
        <v>0</v>
      </c>
      <c r="Y149">
        <v>0</v>
      </c>
      <c r="Z149">
        <v>0</v>
      </c>
      <c r="AA149">
        <v>0</v>
      </c>
      <c r="AB149">
        <v>0</v>
      </c>
      <c r="AC149">
        <v>0</v>
      </c>
      <c r="AD149">
        <v>0</v>
      </c>
      <c r="AE149">
        <v>0</v>
      </c>
      <c r="AF149">
        <v>0</v>
      </c>
      <c r="AG149">
        <v>0</v>
      </c>
      <c r="AH149">
        <v>0</v>
      </c>
      <c r="AI149">
        <v>0</v>
      </c>
    </row>
    <row r="150" spans="1:35" x14ac:dyDescent="0.4">
      <c r="A150">
        <v>177</v>
      </c>
      <c r="B150">
        <v>174</v>
      </c>
      <c r="C150">
        <v>0</v>
      </c>
      <c r="D150" s="1">
        <v>40315</v>
      </c>
      <c r="E150">
        <v>0</v>
      </c>
      <c r="F150">
        <v>0</v>
      </c>
      <c r="G150">
        <v>440</v>
      </c>
      <c r="H150">
        <v>440</v>
      </c>
      <c r="I150">
        <v>440</v>
      </c>
      <c r="J150">
        <v>440</v>
      </c>
      <c r="K150">
        <v>440</v>
      </c>
      <c r="L150">
        <v>440</v>
      </c>
      <c r="M150">
        <v>440</v>
      </c>
      <c r="N150">
        <v>440</v>
      </c>
      <c r="O150">
        <v>440</v>
      </c>
      <c r="P150">
        <v>0</v>
      </c>
      <c r="Q150">
        <v>0</v>
      </c>
      <c r="R150">
        <v>0</v>
      </c>
      <c r="S150">
        <v>0</v>
      </c>
      <c r="T150">
        <v>0</v>
      </c>
      <c r="U150">
        <v>0</v>
      </c>
      <c r="V150">
        <v>0</v>
      </c>
      <c r="W150">
        <v>0</v>
      </c>
      <c r="X150">
        <v>0</v>
      </c>
      <c r="Y150">
        <v>0</v>
      </c>
      <c r="Z150">
        <v>0</v>
      </c>
      <c r="AA150">
        <v>0</v>
      </c>
      <c r="AB150">
        <v>0</v>
      </c>
      <c r="AC150">
        <v>0</v>
      </c>
      <c r="AD150">
        <v>0</v>
      </c>
      <c r="AE150">
        <v>0</v>
      </c>
      <c r="AF150">
        <v>0</v>
      </c>
      <c r="AG150">
        <v>0</v>
      </c>
      <c r="AH150">
        <v>0</v>
      </c>
      <c r="AI150">
        <v>0</v>
      </c>
    </row>
    <row r="151" spans="1:35" x14ac:dyDescent="0.4">
      <c r="A151">
        <v>178</v>
      </c>
      <c r="B151">
        <v>175</v>
      </c>
      <c r="C151">
        <v>0</v>
      </c>
      <c r="D151" s="1">
        <v>40315</v>
      </c>
      <c r="E151">
        <v>0</v>
      </c>
      <c r="F151">
        <v>0</v>
      </c>
      <c r="G151">
        <v>605</v>
      </c>
      <c r="H151">
        <v>605</v>
      </c>
      <c r="I151">
        <v>605</v>
      </c>
      <c r="J151">
        <v>605</v>
      </c>
      <c r="K151">
        <v>605</v>
      </c>
      <c r="L151">
        <v>605</v>
      </c>
      <c r="M151">
        <v>605</v>
      </c>
      <c r="N151">
        <v>605</v>
      </c>
      <c r="O151">
        <v>605</v>
      </c>
      <c r="P151">
        <v>0</v>
      </c>
      <c r="Q151">
        <v>0</v>
      </c>
      <c r="R151">
        <v>0</v>
      </c>
      <c r="S151">
        <v>0</v>
      </c>
      <c r="T151">
        <v>0</v>
      </c>
      <c r="U151">
        <v>0</v>
      </c>
      <c r="V151">
        <v>0</v>
      </c>
      <c r="W151">
        <v>0</v>
      </c>
      <c r="X151">
        <v>0</v>
      </c>
      <c r="Y151">
        <v>0</v>
      </c>
      <c r="Z151">
        <v>0</v>
      </c>
      <c r="AA151">
        <v>0</v>
      </c>
      <c r="AB151">
        <v>0</v>
      </c>
      <c r="AC151">
        <v>0</v>
      </c>
      <c r="AD151">
        <v>0</v>
      </c>
      <c r="AE151">
        <v>0</v>
      </c>
      <c r="AF151">
        <v>0</v>
      </c>
      <c r="AG151">
        <v>0</v>
      </c>
      <c r="AH151">
        <v>0</v>
      </c>
      <c r="AI151">
        <v>0</v>
      </c>
    </row>
    <row r="152" spans="1:35" x14ac:dyDescent="0.4">
      <c r="A152">
        <v>183</v>
      </c>
      <c r="B152">
        <v>180</v>
      </c>
      <c r="C152">
        <v>0</v>
      </c>
      <c r="D152" s="1">
        <v>40315</v>
      </c>
      <c r="E152">
        <v>0</v>
      </c>
      <c r="F152">
        <v>0</v>
      </c>
      <c r="G152">
        <v>528</v>
      </c>
      <c r="H152">
        <v>528</v>
      </c>
      <c r="I152">
        <v>528</v>
      </c>
      <c r="J152">
        <v>528</v>
      </c>
      <c r="K152">
        <v>528</v>
      </c>
      <c r="L152">
        <v>528</v>
      </c>
      <c r="M152">
        <v>528</v>
      </c>
      <c r="N152">
        <v>528</v>
      </c>
      <c r="O152">
        <v>528</v>
      </c>
      <c r="P152">
        <v>0</v>
      </c>
      <c r="Q152">
        <v>0</v>
      </c>
      <c r="R152">
        <v>0</v>
      </c>
      <c r="S152">
        <v>0</v>
      </c>
      <c r="T152">
        <v>0</v>
      </c>
      <c r="U152">
        <v>0</v>
      </c>
      <c r="V152">
        <v>0</v>
      </c>
      <c r="W152">
        <v>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0</v>
      </c>
      <c r="AD152">
        <v>0</v>
      </c>
      <c r="AE152">
        <v>0</v>
      </c>
      <c r="AF152">
        <v>0</v>
      </c>
      <c r="AG152">
        <v>0</v>
      </c>
      <c r="AH152">
        <v>0</v>
      </c>
      <c r="AI152">
        <v>0</v>
      </c>
    </row>
    <row r="153" spans="1:35" x14ac:dyDescent="0.4">
      <c r="A153">
        <v>253</v>
      </c>
      <c r="B153">
        <v>250</v>
      </c>
      <c r="C153">
        <v>0</v>
      </c>
      <c r="D153" s="1">
        <v>40391</v>
      </c>
      <c r="E153">
        <v>0</v>
      </c>
      <c r="F153">
        <v>0</v>
      </c>
      <c r="G153">
        <v>462</v>
      </c>
      <c r="H153">
        <v>462</v>
      </c>
      <c r="I153">
        <v>462</v>
      </c>
      <c r="J153">
        <v>0</v>
      </c>
      <c r="K153">
        <v>0</v>
      </c>
      <c r="L153">
        <v>462</v>
      </c>
      <c r="M153">
        <v>462</v>
      </c>
      <c r="N153">
        <v>462</v>
      </c>
      <c r="O153">
        <v>462</v>
      </c>
      <c r="P153">
        <v>0</v>
      </c>
      <c r="Q153">
        <v>0</v>
      </c>
      <c r="R153">
        <v>0</v>
      </c>
      <c r="S153">
        <v>0</v>
      </c>
      <c r="T153">
        <v>0</v>
      </c>
      <c r="U153">
        <v>0</v>
      </c>
      <c r="V153">
        <v>0</v>
      </c>
      <c r="W153">
        <v>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0</v>
      </c>
      <c r="AD153">
        <v>0</v>
      </c>
      <c r="AE153">
        <v>0</v>
      </c>
      <c r="AF153">
        <v>0</v>
      </c>
      <c r="AG153">
        <v>0</v>
      </c>
      <c r="AH153">
        <v>0</v>
      </c>
      <c r="AI153">
        <v>0</v>
      </c>
    </row>
    <row r="154" spans="1:35" x14ac:dyDescent="0.4">
      <c r="A154">
        <v>185</v>
      </c>
      <c r="B154">
        <v>182</v>
      </c>
      <c r="C154">
        <v>0</v>
      </c>
      <c r="D154" s="1">
        <v>40315</v>
      </c>
      <c r="E154">
        <v>0</v>
      </c>
      <c r="F154">
        <v>0</v>
      </c>
      <c r="G154">
        <v>528</v>
      </c>
      <c r="H154">
        <v>528</v>
      </c>
      <c r="I154">
        <v>528</v>
      </c>
      <c r="J154">
        <v>528</v>
      </c>
      <c r="K154">
        <v>528</v>
      </c>
      <c r="L154">
        <v>528</v>
      </c>
      <c r="M154">
        <v>528</v>
      </c>
      <c r="N154">
        <v>528</v>
      </c>
      <c r="O154">
        <v>528</v>
      </c>
      <c r="P154">
        <v>0</v>
      </c>
      <c r="Q154">
        <v>0</v>
      </c>
      <c r="R154">
        <v>0</v>
      </c>
      <c r="S154">
        <v>0</v>
      </c>
      <c r="T154">
        <v>0</v>
      </c>
      <c r="U154">
        <v>0</v>
      </c>
      <c r="V154">
        <v>0</v>
      </c>
      <c r="W154">
        <v>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0</v>
      </c>
      <c r="AD154">
        <v>0</v>
      </c>
      <c r="AE154">
        <v>0</v>
      </c>
      <c r="AF154">
        <v>0</v>
      </c>
      <c r="AG154">
        <v>0</v>
      </c>
      <c r="AH154">
        <v>0</v>
      </c>
      <c r="AI154">
        <v>0</v>
      </c>
    </row>
    <row r="155" spans="1:35" x14ac:dyDescent="0.4">
      <c r="A155">
        <v>254</v>
      </c>
      <c r="B155">
        <v>251</v>
      </c>
      <c r="C155">
        <v>0</v>
      </c>
      <c r="D155" s="1">
        <v>40391</v>
      </c>
      <c r="E155">
        <v>0</v>
      </c>
      <c r="F155">
        <v>0</v>
      </c>
      <c r="G155">
        <v>462</v>
      </c>
      <c r="H155">
        <v>462</v>
      </c>
      <c r="I155">
        <v>462</v>
      </c>
      <c r="J155">
        <v>0</v>
      </c>
      <c r="K155">
        <v>0</v>
      </c>
      <c r="L155">
        <v>462</v>
      </c>
      <c r="M155">
        <v>462</v>
      </c>
      <c r="N155">
        <v>462</v>
      </c>
      <c r="O155">
        <v>462</v>
      </c>
      <c r="P155">
        <v>0</v>
      </c>
      <c r="Q155">
        <v>0</v>
      </c>
      <c r="R155">
        <v>0</v>
      </c>
      <c r="S155">
        <v>0</v>
      </c>
      <c r="T155">
        <v>0</v>
      </c>
      <c r="U155">
        <v>0</v>
      </c>
      <c r="V155">
        <v>0</v>
      </c>
      <c r="W155">
        <v>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0</v>
      </c>
      <c r="AD155">
        <v>0</v>
      </c>
      <c r="AE155">
        <v>0</v>
      </c>
      <c r="AF155">
        <v>0</v>
      </c>
      <c r="AG155">
        <v>0</v>
      </c>
      <c r="AH155">
        <v>0</v>
      </c>
      <c r="AI155">
        <v>0</v>
      </c>
    </row>
    <row r="156" spans="1:35" x14ac:dyDescent="0.4">
      <c r="A156">
        <v>436</v>
      </c>
      <c r="B156">
        <v>434</v>
      </c>
      <c r="C156">
        <v>0</v>
      </c>
      <c r="D156" s="1">
        <v>45110</v>
      </c>
      <c r="E156">
        <v>0</v>
      </c>
      <c r="F156">
        <v>0</v>
      </c>
      <c r="G156">
        <v>748</v>
      </c>
      <c r="H156">
        <v>748</v>
      </c>
      <c r="I156">
        <v>748</v>
      </c>
      <c r="J156">
        <v>748</v>
      </c>
      <c r="K156">
        <v>748</v>
      </c>
      <c r="L156">
        <v>748</v>
      </c>
      <c r="M156">
        <v>748</v>
      </c>
      <c r="N156">
        <v>748</v>
      </c>
      <c r="O156">
        <v>748</v>
      </c>
      <c r="P156">
        <v>0</v>
      </c>
      <c r="Q156">
        <v>0</v>
      </c>
      <c r="R156">
        <v>0</v>
      </c>
      <c r="S156">
        <v>0</v>
      </c>
      <c r="T156">
        <v>0</v>
      </c>
      <c r="U156">
        <v>0</v>
      </c>
      <c r="V156">
        <v>0</v>
      </c>
      <c r="W156">
        <v>0</v>
      </c>
      <c r="X156">
        <v>0</v>
      </c>
      <c r="Y156">
        <v>0</v>
      </c>
      <c r="Z156">
        <v>0</v>
      </c>
      <c r="AA156">
        <v>0</v>
      </c>
      <c r="AB156">
        <v>0</v>
      </c>
      <c r="AC156">
        <v>0</v>
      </c>
      <c r="AD156">
        <v>0</v>
      </c>
      <c r="AE156">
        <v>0</v>
      </c>
      <c r="AF156">
        <v>0</v>
      </c>
      <c r="AG156">
        <v>0</v>
      </c>
      <c r="AH156">
        <v>0</v>
      </c>
      <c r="AI156">
        <v>0</v>
      </c>
    </row>
    <row r="157" spans="1:35" x14ac:dyDescent="0.4">
      <c r="A157">
        <v>437</v>
      </c>
      <c r="B157">
        <v>435</v>
      </c>
      <c r="C157">
        <v>0</v>
      </c>
      <c r="D157" s="1">
        <v>45110</v>
      </c>
      <c r="E157">
        <v>0</v>
      </c>
      <c r="F157">
        <v>0</v>
      </c>
      <c r="G157">
        <v>0</v>
      </c>
      <c r="H157">
        <v>0</v>
      </c>
      <c r="I157">
        <v>0</v>
      </c>
      <c r="J157">
        <v>0</v>
      </c>
      <c r="K157">
        <v>0</v>
      </c>
      <c r="L157">
        <v>0</v>
      </c>
      <c r="M157">
        <v>0</v>
      </c>
      <c r="N157">
        <v>0</v>
      </c>
      <c r="O157">
        <v>0</v>
      </c>
      <c r="P157">
        <v>0</v>
      </c>
      <c r="Q157">
        <v>0</v>
      </c>
      <c r="R157">
        <v>0</v>
      </c>
      <c r="S157">
        <v>0</v>
      </c>
      <c r="T157">
        <v>0</v>
      </c>
      <c r="U157">
        <v>0</v>
      </c>
      <c r="V157">
        <v>0</v>
      </c>
      <c r="W157">
        <v>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0</v>
      </c>
      <c r="AD157">
        <v>0</v>
      </c>
      <c r="AE157">
        <v>0</v>
      </c>
      <c r="AF157">
        <v>0</v>
      </c>
      <c r="AG157">
        <v>0</v>
      </c>
      <c r="AH157">
        <v>0</v>
      </c>
      <c r="AI157">
        <v>0</v>
      </c>
    </row>
    <row r="158" spans="1:35" x14ac:dyDescent="0.4">
      <c r="A158">
        <v>441</v>
      </c>
      <c r="B158">
        <v>439</v>
      </c>
      <c r="C158">
        <v>0</v>
      </c>
      <c r="D158" s="1">
        <v>45110</v>
      </c>
      <c r="E158">
        <v>0</v>
      </c>
      <c r="F158">
        <v>0</v>
      </c>
      <c r="G158">
        <v>748</v>
      </c>
      <c r="H158">
        <v>748</v>
      </c>
      <c r="I158">
        <v>748</v>
      </c>
      <c r="J158">
        <v>748</v>
      </c>
      <c r="K158">
        <v>748</v>
      </c>
      <c r="L158">
        <v>748</v>
      </c>
      <c r="M158">
        <v>748</v>
      </c>
      <c r="N158">
        <v>748</v>
      </c>
      <c r="O158">
        <v>748</v>
      </c>
      <c r="P158">
        <v>0</v>
      </c>
      <c r="Q158">
        <v>0</v>
      </c>
      <c r="R158">
        <v>0</v>
      </c>
      <c r="S158">
        <v>0</v>
      </c>
      <c r="T158">
        <v>0</v>
      </c>
      <c r="U158">
        <v>0</v>
      </c>
      <c r="V158">
        <v>0</v>
      </c>
      <c r="W158">
        <v>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0</v>
      </c>
      <c r="AD158">
        <v>0</v>
      </c>
      <c r="AE158">
        <v>0</v>
      </c>
      <c r="AF158">
        <v>0</v>
      </c>
      <c r="AG158">
        <v>0</v>
      </c>
      <c r="AH158">
        <v>0</v>
      </c>
      <c r="AI158">
        <v>0</v>
      </c>
    </row>
    <row r="159" spans="1:35" x14ac:dyDescent="0.4">
      <c r="A159">
        <v>283</v>
      </c>
      <c r="B159">
        <v>280</v>
      </c>
      <c r="C159">
        <v>0</v>
      </c>
      <c r="D159" s="1">
        <v>41017</v>
      </c>
      <c r="E159">
        <v>0</v>
      </c>
      <c r="F159">
        <v>0</v>
      </c>
      <c r="G159">
        <v>605</v>
      </c>
      <c r="H159">
        <v>605</v>
      </c>
      <c r="I159">
        <v>605</v>
      </c>
      <c r="J159">
        <v>605</v>
      </c>
      <c r="K159">
        <v>605</v>
      </c>
      <c r="L159">
        <v>605</v>
      </c>
      <c r="M159">
        <v>605</v>
      </c>
      <c r="N159">
        <v>605</v>
      </c>
      <c r="O159">
        <v>605</v>
      </c>
      <c r="P159">
        <v>0</v>
      </c>
      <c r="Q159">
        <v>0</v>
      </c>
      <c r="R159">
        <v>0</v>
      </c>
      <c r="S159">
        <v>0</v>
      </c>
      <c r="T159">
        <v>0</v>
      </c>
      <c r="U159">
        <v>0</v>
      </c>
      <c r="V159">
        <v>0</v>
      </c>
      <c r="W159">
        <v>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0</v>
      </c>
      <c r="AD159">
        <v>0</v>
      </c>
      <c r="AE159">
        <v>0</v>
      </c>
      <c r="AF159">
        <v>0</v>
      </c>
      <c r="AG159">
        <v>0</v>
      </c>
      <c r="AH159">
        <v>0</v>
      </c>
      <c r="AI159">
        <v>0</v>
      </c>
    </row>
    <row r="160" spans="1:35" x14ac:dyDescent="0.4">
      <c r="A160">
        <v>287</v>
      </c>
      <c r="B160">
        <v>284</v>
      </c>
      <c r="C160">
        <v>0</v>
      </c>
      <c r="D160" s="1">
        <v>41284</v>
      </c>
      <c r="E160">
        <v>0</v>
      </c>
      <c r="F160">
        <v>0</v>
      </c>
      <c r="G160">
        <v>275</v>
      </c>
      <c r="H160">
        <v>275</v>
      </c>
      <c r="I160">
        <v>275</v>
      </c>
      <c r="J160">
        <v>275</v>
      </c>
      <c r="K160">
        <v>275</v>
      </c>
      <c r="L160">
        <v>275</v>
      </c>
      <c r="M160">
        <v>275</v>
      </c>
      <c r="N160">
        <v>275</v>
      </c>
      <c r="O160">
        <v>275</v>
      </c>
      <c r="P160">
        <v>0</v>
      </c>
      <c r="Q160">
        <v>0</v>
      </c>
      <c r="R160">
        <v>0</v>
      </c>
      <c r="S160">
        <v>0</v>
      </c>
      <c r="T160">
        <v>0</v>
      </c>
      <c r="U160">
        <v>0</v>
      </c>
      <c r="V160">
        <v>0</v>
      </c>
      <c r="W160">
        <v>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0</v>
      </c>
      <c r="AD160">
        <v>0</v>
      </c>
      <c r="AE160">
        <v>0</v>
      </c>
      <c r="AF160">
        <v>0</v>
      </c>
      <c r="AG160">
        <v>0</v>
      </c>
      <c r="AH160">
        <v>0</v>
      </c>
      <c r="AI160">
        <v>0</v>
      </c>
    </row>
    <row r="161" spans="1:35" x14ac:dyDescent="0.4">
      <c r="A161">
        <v>290</v>
      </c>
      <c r="B161">
        <v>287</v>
      </c>
      <c r="C161">
        <v>0</v>
      </c>
      <c r="D161" s="1">
        <v>41627</v>
      </c>
      <c r="E161">
        <v>0</v>
      </c>
      <c r="F161">
        <v>0</v>
      </c>
      <c r="G161">
        <v>440</v>
      </c>
      <c r="H161">
        <v>440</v>
      </c>
      <c r="I161">
        <v>440</v>
      </c>
      <c r="J161">
        <v>0</v>
      </c>
      <c r="K161">
        <v>0</v>
      </c>
      <c r="L161">
        <v>440</v>
      </c>
      <c r="M161">
        <v>440</v>
      </c>
      <c r="N161">
        <v>440</v>
      </c>
      <c r="O161">
        <v>440</v>
      </c>
      <c r="P161">
        <v>0</v>
      </c>
      <c r="Q161">
        <v>0</v>
      </c>
      <c r="R161">
        <v>0</v>
      </c>
      <c r="S161">
        <v>0</v>
      </c>
      <c r="T161">
        <v>0</v>
      </c>
      <c r="U161">
        <v>0</v>
      </c>
      <c r="V161">
        <v>0</v>
      </c>
      <c r="W161">
        <v>0</v>
      </c>
      <c r="X161">
        <v>0</v>
      </c>
      <c r="Y161">
        <v>0</v>
      </c>
      <c r="Z161">
        <v>0</v>
      </c>
      <c r="AA161">
        <v>0</v>
      </c>
      <c r="AB161">
        <v>0</v>
      </c>
      <c r="AC161">
        <v>0</v>
      </c>
      <c r="AD161">
        <v>0</v>
      </c>
      <c r="AE161">
        <v>0</v>
      </c>
      <c r="AF161">
        <v>0</v>
      </c>
      <c r="AG161">
        <v>0</v>
      </c>
      <c r="AH161">
        <v>0</v>
      </c>
      <c r="AI161">
        <v>0</v>
      </c>
    </row>
    <row r="162" spans="1:35" x14ac:dyDescent="0.4">
      <c r="A162">
        <v>291</v>
      </c>
      <c r="B162">
        <v>288</v>
      </c>
      <c r="C162">
        <v>0</v>
      </c>
      <c r="D162" s="1">
        <v>41627</v>
      </c>
      <c r="E162">
        <v>0</v>
      </c>
      <c r="F162">
        <v>0</v>
      </c>
      <c r="G162">
        <v>440</v>
      </c>
      <c r="H162">
        <v>440</v>
      </c>
      <c r="I162">
        <v>440</v>
      </c>
      <c r="J162">
        <v>0</v>
      </c>
      <c r="K162">
        <v>0</v>
      </c>
      <c r="L162">
        <v>440</v>
      </c>
      <c r="M162">
        <v>440</v>
      </c>
      <c r="N162">
        <v>440</v>
      </c>
      <c r="O162">
        <v>440</v>
      </c>
      <c r="P162">
        <v>0</v>
      </c>
      <c r="Q162">
        <v>0</v>
      </c>
      <c r="R162">
        <v>0</v>
      </c>
      <c r="S162">
        <v>0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0</v>
      </c>
      <c r="AD162">
        <v>0</v>
      </c>
      <c r="AE162">
        <v>0</v>
      </c>
      <c r="AF162">
        <v>0</v>
      </c>
      <c r="AG162">
        <v>0</v>
      </c>
      <c r="AH162">
        <v>0</v>
      </c>
      <c r="AI162">
        <v>0</v>
      </c>
    </row>
    <row r="163" spans="1:35" x14ac:dyDescent="0.4">
      <c r="A163">
        <v>293</v>
      </c>
      <c r="B163">
        <v>290</v>
      </c>
      <c r="C163">
        <v>0</v>
      </c>
      <c r="D163" s="1">
        <v>41730</v>
      </c>
      <c r="E163">
        <v>0</v>
      </c>
      <c r="F163">
        <v>0</v>
      </c>
      <c r="G163">
        <v>440</v>
      </c>
      <c r="H163">
        <v>440</v>
      </c>
      <c r="I163">
        <v>440</v>
      </c>
      <c r="J163">
        <v>440</v>
      </c>
      <c r="K163">
        <v>440</v>
      </c>
      <c r="L163">
        <v>440</v>
      </c>
      <c r="M163">
        <v>440</v>
      </c>
      <c r="N163">
        <v>440</v>
      </c>
      <c r="O163">
        <v>440</v>
      </c>
      <c r="P163">
        <v>0</v>
      </c>
      <c r="Q163">
        <v>0</v>
      </c>
      <c r="R163">
        <v>0</v>
      </c>
      <c r="S163">
        <v>0</v>
      </c>
      <c r="T163">
        <v>0</v>
      </c>
      <c r="U163">
        <v>0</v>
      </c>
      <c r="V163">
        <v>0</v>
      </c>
      <c r="W163">
        <v>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0</v>
      </c>
      <c r="AD163">
        <v>0</v>
      </c>
      <c r="AE163">
        <v>0</v>
      </c>
      <c r="AF163">
        <v>0</v>
      </c>
      <c r="AG163">
        <v>0</v>
      </c>
      <c r="AH163">
        <v>0</v>
      </c>
      <c r="AI163">
        <v>0</v>
      </c>
    </row>
    <row r="164" spans="1:35" x14ac:dyDescent="0.4">
      <c r="A164">
        <v>297</v>
      </c>
      <c r="B164">
        <v>294</v>
      </c>
      <c r="C164">
        <v>0</v>
      </c>
      <c r="D164" s="1">
        <v>41730</v>
      </c>
      <c r="E164">
        <v>0</v>
      </c>
      <c r="F164">
        <v>0</v>
      </c>
      <c r="G164">
        <v>638</v>
      </c>
      <c r="H164">
        <v>638</v>
      </c>
      <c r="I164">
        <v>638</v>
      </c>
      <c r="J164">
        <v>638</v>
      </c>
      <c r="K164">
        <v>638</v>
      </c>
      <c r="L164">
        <v>638</v>
      </c>
      <c r="M164">
        <v>638</v>
      </c>
      <c r="N164">
        <v>638</v>
      </c>
      <c r="O164">
        <v>638</v>
      </c>
      <c r="P164">
        <v>0</v>
      </c>
      <c r="Q164">
        <v>0</v>
      </c>
      <c r="R164">
        <v>0</v>
      </c>
      <c r="S164">
        <v>0</v>
      </c>
      <c r="T164">
        <v>0</v>
      </c>
      <c r="U164">
        <v>0</v>
      </c>
      <c r="V164">
        <v>0</v>
      </c>
      <c r="W164">
        <v>0</v>
      </c>
      <c r="X164">
        <v>0</v>
      </c>
      <c r="Y164">
        <v>0</v>
      </c>
      <c r="Z164">
        <v>0</v>
      </c>
      <c r="AA164">
        <v>0</v>
      </c>
      <c r="AB164">
        <v>0</v>
      </c>
      <c r="AC164">
        <v>0</v>
      </c>
      <c r="AD164">
        <v>0</v>
      </c>
      <c r="AE164">
        <v>0</v>
      </c>
      <c r="AF164">
        <v>0</v>
      </c>
      <c r="AG164">
        <v>0</v>
      </c>
      <c r="AH164">
        <v>0</v>
      </c>
      <c r="AI164">
        <v>0</v>
      </c>
    </row>
    <row r="165" spans="1:35" x14ac:dyDescent="0.4">
      <c r="A165">
        <v>298</v>
      </c>
      <c r="B165">
        <v>295</v>
      </c>
      <c r="C165">
        <v>0</v>
      </c>
      <c r="D165" s="1">
        <v>41730</v>
      </c>
      <c r="E165">
        <v>0</v>
      </c>
      <c r="F165">
        <v>0</v>
      </c>
      <c r="G165">
        <v>638</v>
      </c>
      <c r="H165">
        <v>638</v>
      </c>
      <c r="I165">
        <v>638</v>
      </c>
      <c r="J165">
        <v>638</v>
      </c>
      <c r="K165">
        <v>638</v>
      </c>
      <c r="L165">
        <v>638</v>
      </c>
      <c r="M165">
        <v>638</v>
      </c>
      <c r="N165">
        <v>638</v>
      </c>
      <c r="O165">
        <v>638</v>
      </c>
      <c r="P165">
        <v>0</v>
      </c>
      <c r="Q165">
        <v>0</v>
      </c>
      <c r="R165">
        <v>0</v>
      </c>
      <c r="S165">
        <v>0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0</v>
      </c>
      <c r="AD165">
        <v>0</v>
      </c>
      <c r="AE165">
        <v>0</v>
      </c>
      <c r="AF165">
        <v>0</v>
      </c>
      <c r="AG165">
        <v>0</v>
      </c>
      <c r="AH165">
        <v>0</v>
      </c>
      <c r="AI165">
        <v>0</v>
      </c>
    </row>
    <row r="166" spans="1:35" x14ac:dyDescent="0.4">
      <c r="A166">
        <v>299</v>
      </c>
      <c r="B166">
        <v>296</v>
      </c>
      <c r="C166">
        <v>0</v>
      </c>
      <c r="D166" s="1">
        <v>41730</v>
      </c>
      <c r="E166">
        <v>0</v>
      </c>
      <c r="F166">
        <v>0</v>
      </c>
      <c r="G166">
        <v>638</v>
      </c>
      <c r="H166">
        <v>638</v>
      </c>
      <c r="I166">
        <v>638</v>
      </c>
      <c r="J166">
        <v>638</v>
      </c>
      <c r="K166">
        <v>638</v>
      </c>
      <c r="L166">
        <v>638</v>
      </c>
      <c r="M166">
        <v>638</v>
      </c>
      <c r="N166">
        <v>638</v>
      </c>
      <c r="O166">
        <v>638</v>
      </c>
      <c r="P166">
        <v>0</v>
      </c>
      <c r="Q166">
        <v>0</v>
      </c>
      <c r="R166">
        <v>0</v>
      </c>
      <c r="S166">
        <v>0</v>
      </c>
      <c r="T166">
        <v>0</v>
      </c>
      <c r="U166">
        <v>0</v>
      </c>
      <c r="V166">
        <v>0</v>
      </c>
      <c r="W166">
        <v>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0</v>
      </c>
      <c r="AD166">
        <v>0</v>
      </c>
      <c r="AE166">
        <v>0</v>
      </c>
      <c r="AF166">
        <v>0</v>
      </c>
      <c r="AG166">
        <v>0</v>
      </c>
      <c r="AH166">
        <v>0</v>
      </c>
      <c r="AI166">
        <v>0</v>
      </c>
    </row>
    <row r="167" spans="1:35" x14ac:dyDescent="0.4">
      <c r="A167">
        <v>300</v>
      </c>
      <c r="B167">
        <v>297</v>
      </c>
      <c r="C167">
        <v>0</v>
      </c>
      <c r="D167" s="1">
        <v>41730</v>
      </c>
      <c r="E167">
        <v>0</v>
      </c>
      <c r="F167">
        <v>0</v>
      </c>
      <c r="G167">
        <v>550</v>
      </c>
      <c r="H167">
        <v>550</v>
      </c>
      <c r="I167">
        <v>550</v>
      </c>
      <c r="J167">
        <v>550</v>
      </c>
      <c r="K167">
        <v>550</v>
      </c>
      <c r="L167">
        <v>550</v>
      </c>
      <c r="M167">
        <v>550</v>
      </c>
      <c r="N167">
        <v>550</v>
      </c>
      <c r="O167">
        <v>550</v>
      </c>
      <c r="P167">
        <v>0</v>
      </c>
      <c r="Q167">
        <v>0</v>
      </c>
      <c r="R167">
        <v>0</v>
      </c>
      <c r="S167">
        <v>0</v>
      </c>
      <c r="T167">
        <v>0</v>
      </c>
      <c r="U167">
        <v>0</v>
      </c>
      <c r="V167">
        <v>0</v>
      </c>
      <c r="W167">
        <v>0</v>
      </c>
      <c r="X167">
        <v>0</v>
      </c>
      <c r="Y167">
        <v>0</v>
      </c>
      <c r="Z167">
        <v>0</v>
      </c>
      <c r="AA167">
        <v>0</v>
      </c>
      <c r="AB167">
        <v>0</v>
      </c>
      <c r="AC167">
        <v>0</v>
      </c>
      <c r="AD167">
        <v>0</v>
      </c>
      <c r="AE167">
        <v>0</v>
      </c>
      <c r="AF167">
        <v>0</v>
      </c>
      <c r="AG167">
        <v>0</v>
      </c>
      <c r="AH167">
        <v>0</v>
      </c>
      <c r="AI167">
        <v>0</v>
      </c>
    </row>
    <row r="168" spans="1:35" x14ac:dyDescent="0.4">
      <c r="A168">
        <v>195</v>
      </c>
      <c r="B168">
        <v>192</v>
      </c>
      <c r="C168">
        <v>0</v>
      </c>
      <c r="D168" s="1">
        <v>40316</v>
      </c>
      <c r="E168">
        <v>0</v>
      </c>
      <c r="F168">
        <v>0</v>
      </c>
      <c r="G168">
        <v>440</v>
      </c>
      <c r="H168">
        <v>440</v>
      </c>
      <c r="I168">
        <v>440</v>
      </c>
      <c r="J168">
        <v>0</v>
      </c>
      <c r="K168">
        <v>0</v>
      </c>
      <c r="L168">
        <v>440</v>
      </c>
      <c r="M168">
        <v>440</v>
      </c>
      <c r="N168">
        <v>440</v>
      </c>
      <c r="O168">
        <v>440</v>
      </c>
      <c r="P168">
        <v>0</v>
      </c>
      <c r="Q168">
        <v>0</v>
      </c>
      <c r="R168">
        <v>0</v>
      </c>
      <c r="S168">
        <v>0</v>
      </c>
      <c r="T168">
        <v>0</v>
      </c>
      <c r="U168">
        <v>0</v>
      </c>
      <c r="V168">
        <v>0</v>
      </c>
      <c r="W168">
        <v>0</v>
      </c>
      <c r="X168">
        <v>0</v>
      </c>
      <c r="Y168">
        <v>0</v>
      </c>
      <c r="Z168">
        <v>0</v>
      </c>
      <c r="AA168">
        <v>0</v>
      </c>
      <c r="AB168">
        <v>0</v>
      </c>
      <c r="AC168">
        <v>0</v>
      </c>
      <c r="AD168">
        <v>0</v>
      </c>
      <c r="AE168">
        <v>0</v>
      </c>
      <c r="AF168">
        <v>0</v>
      </c>
      <c r="AG168">
        <v>0</v>
      </c>
      <c r="AH168">
        <v>0</v>
      </c>
      <c r="AI168">
        <v>0</v>
      </c>
    </row>
    <row r="169" spans="1:35" x14ac:dyDescent="0.4">
      <c r="A169">
        <v>294</v>
      </c>
      <c r="B169">
        <v>291</v>
      </c>
      <c r="C169">
        <v>0</v>
      </c>
      <c r="D169" s="1">
        <v>41730</v>
      </c>
      <c r="E169">
        <v>0</v>
      </c>
      <c r="F169">
        <v>0</v>
      </c>
      <c r="G169">
        <v>495</v>
      </c>
      <c r="H169">
        <v>495</v>
      </c>
      <c r="I169">
        <v>495</v>
      </c>
      <c r="J169">
        <v>495</v>
      </c>
      <c r="K169">
        <v>495</v>
      </c>
      <c r="L169">
        <v>495</v>
      </c>
      <c r="M169">
        <v>495</v>
      </c>
      <c r="N169">
        <v>495</v>
      </c>
      <c r="O169">
        <v>495</v>
      </c>
      <c r="P169">
        <v>0</v>
      </c>
      <c r="Q169">
        <v>0</v>
      </c>
      <c r="R169">
        <v>0</v>
      </c>
      <c r="S169">
        <v>0</v>
      </c>
      <c r="T169">
        <v>0</v>
      </c>
      <c r="U169">
        <v>0</v>
      </c>
      <c r="V169">
        <v>0</v>
      </c>
      <c r="W169">
        <v>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0</v>
      </c>
      <c r="AD169">
        <v>0</v>
      </c>
      <c r="AE169">
        <v>0</v>
      </c>
      <c r="AF169">
        <v>0</v>
      </c>
      <c r="AG169">
        <v>0</v>
      </c>
      <c r="AH169">
        <v>0</v>
      </c>
      <c r="AI169">
        <v>0</v>
      </c>
    </row>
    <row r="170" spans="1:35" x14ac:dyDescent="0.4">
      <c r="A170">
        <v>295</v>
      </c>
      <c r="B170">
        <v>292</v>
      </c>
      <c r="C170">
        <v>0</v>
      </c>
      <c r="D170" s="1">
        <v>41730</v>
      </c>
      <c r="E170">
        <v>0</v>
      </c>
      <c r="F170">
        <v>0</v>
      </c>
      <c r="G170">
        <v>550</v>
      </c>
      <c r="H170">
        <v>550</v>
      </c>
      <c r="I170">
        <v>550</v>
      </c>
      <c r="J170">
        <v>550</v>
      </c>
      <c r="K170">
        <v>550</v>
      </c>
      <c r="L170">
        <v>550</v>
      </c>
      <c r="M170">
        <v>550</v>
      </c>
      <c r="N170">
        <v>550</v>
      </c>
      <c r="O170">
        <v>550</v>
      </c>
      <c r="P170">
        <v>0</v>
      </c>
      <c r="Q170">
        <v>0</v>
      </c>
      <c r="R170">
        <v>0</v>
      </c>
      <c r="S170">
        <v>0</v>
      </c>
      <c r="T170">
        <v>0</v>
      </c>
      <c r="U170">
        <v>0</v>
      </c>
      <c r="V170">
        <v>0</v>
      </c>
      <c r="W170">
        <v>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0</v>
      </c>
      <c r="AD170">
        <v>0</v>
      </c>
      <c r="AE170">
        <v>0</v>
      </c>
      <c r="AF170">
        <v>0</v>
      </c>
      <c r="AG170">
        <v>0</v>
      </c>
      <c r="AH170">
        <v>0</v>
      </c>
      <c r="AI170">
        <v>0</v>
      </c>
    </row>
    <row r="171" spans="1:35" x14ac:dyDescent="0.4">
      <c r="A171">
        <v>301</v>
      </c>
      <c r="B171">
        <v>298</v>
      </c>
      <c r="C171">
        <v>0</v>
      </c>
      <c r="D171" s="1">
        <v>41730</v>
      </c>
      <c r="E171">
        <v>0</v>
      </c>
      <c r="F171">
        <v>0</v>
      </c>
      <c r="G171">
        <v>275</v>
      </c>
      <c r="H171">
        <v>275</v>
      </c>
      <c r="I171">
        <v>275</v>
      </c>
      <c r="J171">
        <v>275</v>
      </c>
      <c r="K171">
        <v>275</v>
      </c>
      <c r="L171">
        <v>275</v>
      </c>
      <c r="M171">
        <v>275</v>
      </c>
      <c r="N171">
        <v>275</v>
      </c>
      <c r="O171">
        <v>275</v>
      </c>
      <c r="P171">
        <v>0</v>
      </c>
      <c r="Q171">
        <v>0</v>
      </c>
      <c r="R171">
        <v>0</v>
      </c>
      <c r="S171">
        <v>0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0</v>
      </c>
      <c r="AD171">
        <v>0</v>
      </c>
      <c r="AE171">
        <v>0</v>
      </c>
      <c r="AF171">
        <v>0</v>
      </c>
      <c r="AG171">
        <v>0</v>
      </c>
      <c r="AH171">
        <v>0</v>
      </c>
      <c r="AI171">
        <v>0</v>
      </c>
    </row>
    <row r="172" spans="1:35" x14ac:dyDescent="0.4">
      <c r="A172">
        <v>302</v>
      </c>
      <c r="B172">
        <v>299</v>
      </c>
      <c r="C172">
        <v>0</v>
      </c>
      <c r="D172" s="1">
        <v>41730</v>
      </c>
      <c r="E172">
        <v>0</v>
      </c>
      <c r="F172">
        <v>0</v>
      </c>
      <c r="G172">
        <v>550</v>
      </c>
      <c r="H172">
        <v>550</v>
      </c>
      <c r="I172">
        <v>550</v>
      </c>
      <c r="J172">
        <v>550</v>
      </c>
      <c r="K172">
        <v>550</v>
      </c>
      <c r="L172">
        <v>550</v>
      </c>
      <c r="M172">
        <v>550</v>
      </c>
      <c r="N172">
        <v>550</v>
      </c>
      <c r="O172">
        <v>550</v>
      </c>
      <c r="P172">
        <v>0</v>
      </c>
      <c r="Q172">
        <v>0</v>
      </c>
      <c r="R172">
        <v>0</v>
      </c>
      <c r="S172">
        <v>0</v>
      </c>
      <c r="T172">
        <v>0</v>
      </c>
      <c r="U172">
        <v>0</v>
      </c>
      <c r="V172">
        <v>0</v>
      </c>
      <c r="W172">
        <v>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0</v>
      </c>
      <c r="AD172">
        <v>0</v>
      </c>
      <c r="AE172">
        <v>0</v>
      </c>
      <c r="AF172">
        <v>0</v>
      </c>
      <c r="AG172">
        <v>0</v>
      </c>
      <c r="AH172">
        <v>0</v>
      </c>
      <c r="AI172">
        <v>0</v>
      </c>
    </row>
    <row r="173" spans="1:35" x14ac:dyDescent="0.4">
      <c r="A173">
        <v>303</v>
      </c>
      <c r="B173">
        <v>300</v>
      </c>
      <c r="C173">
        <v>0</v>
      </c>
      <c r="D173" s="1">
        <v>41730</v>
      </c>
      <c r="E173">
        <v>0</v>
      </c>
      <c r="F173">
        <v>0</v>
      </c>
      <c r="G173">
        <v>528</v>
      </c>
      <c r="H173">
        <v>528</v>
      </c>
      <c r="I173">
        <v>528</v>
      </c>
      <c r="J173">
        <v>528</v>
      </c>
      <c r="K173">
        <v>528</v>
      </c>
      <c r="L173">
        <v>528</v>
      </c>
      <c r="M173">
        <v>528</v>
      </c>
      <c r="N173">
        <v>528</v>
      </c>
      <c r="O173">
        <v>528</v>
      </c>
      <c r="P173">
        <v>0</v>
      </c>
      <c r="Q173">
        <v>0</v>
      </c>
      <c r="R173">
        <v>0</v>
      </c>
      <c r="S173">
        <v>0</v>
      </c>
      <c r="T173">
        <v>0</v>
      </c>
      <c r="U173">
        <v>0</v>
      </c>
      <c r="V173">
        <v>0</v>
      </c>
      <c r="W173">
        <v>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0</v>
      </c>
      <c r="AD173">
        <v>0</v>
      </c>
      <c r="AE173">
        <v>0</v>
      </c>
      <c r="AF173">
        <v>0</v>
      </c>
      <c r="AG173">
        <v>0</v>
      </c>
      <c r="AH173">
        <v>0</v>
      </c>
      <c r="AI173">
        <v>0</v>
      </c>
    </row>
    <row r="174" spans="1:35" x14ac:dyDescent="0.4">
      <c r="A174">
        <v>304</v>
      </c>
      <c r="B174">
        <v>301</v>
      </c>
      <c r="C174">
        <v>0</v>
      </c>
      <c r="D174" s="1">
        <v>41730</v>
      </c>
      <c r="E174">
        <v>0</v>
      </c>
      <c r="F174">
        <v>0</v>
      </c>
      <c r="G174">
        <v>528</v>
      </c>
      <c r="H174">
        <v>528</v>
      </c>
      <c r="I174">
        <v>528</v>
      </c>
      <c r="J174">
        <v>528</v>
      </c>
      <c r="K174">
        <v>528</v>
      </c>
      <c r="L174">
        <v>528</v>
      </c>
      <c r="M174">
        <v>528</v>
      </c>
      <c r="N174">
        <v>528</v>
      </c>
      <c r="O174">
        <v>528</v>
      </c>
      <c r="P174">
        <v>0</v>
      </c>
      <c r="Q174">
        <v>0</v>
      </c>
      <c r="R174">
        <v>0</v>
      </c>
      <c r="S174">
        <v>0</v>
      </c>
      <c r="T174">
        <v>0</v>
      </c>
      <c r="U174">
        <v>0</v>
      </c>
      <c r="V174">
        <v>0</v>
      </c>
      <c r="W174">
        <v>0</v>
      </c>
      <c r="X174">
        <v>0</v>
      </c>
      <c r="Y174">
        <v>0</v>
      </c>
      <c r="Z174">
        <v>0</v>
      </c>
      <c r="AA174">
        <v>0</v>
      </c>
      <c r="AB174">
        <v>0</v>
      </c>
      <c r="AC174">
        <v>0</v>
      </c>
      <c r="AD174">
        <v>0</v>
      </c>
      <c r="AE174">
        <v>0</v>
      </c>
      <c r="AF174">
        <v>0</v>
      </c>
      <c r="AG174">
        <v>0</v>
      </c>
      <c r="AH174">
        <v>0</v>
      </c>
      <c r="AI174">
        <v>0</v>
      </c>
    </row>
    <row r="175" spans="1:35" x14ac:dyDescent="0.4">
      <c r="A175">
        <v>341</v>
      </c>
      <c r="B175">
        <v>338</v>
      </c>
      <c r="C175">
        <v>0</v>
      </c>
      <c r="D175" s="1">
        <v>43000</v>
      </c>
      <c r="E175">
        <v>0</v>
      </c>
      <c r="F175">
        <v>0</v>
      </c>
      <c r="G175">
        <v>385</v>
      </c>
      <c r="H175">
        <v>385</v>
      </c>
      <c r="I175">
        <v>385</v>
      </c>
      <c r="J175">
        <v>0</v>
      </c>
      <c r="K175">
        <v>0</v>
      </c>
      <c r="L175">
        <v>385</v>
      </c>
      <c r="M175">
        <v>385</v>
      </c>
      <c r="N175">
        <v>385</v>
      </c>
      <c r="O175">
        <v>385</v>
      </c>
      <c r="P175">
        <v>0</v>
      </c>
      <c r="Q175">
        <v>0</v>
      </c>
      <c r="R175">
        <v>0</v>
      </c>
      <c r="S175">
        <v>0</v>
      </c>
      <c r="T175">
        <v>0</v>
      </c>
      <c r="U175">
        <v>0</v>
      </c>
      <c r="V175">
        <v>0</v>
      </c>
      <c r="W175">
        <v>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0</v>
      </c>
      <c r="AD175">
        <v>0</v>
      </c>
      <c r="AE175">
        <v>0</v>
      </c>
      <c r="AF175">
        <v>0</v>
      </c>
      <c r="AG175">
        <v>0</v>
      </c>
      <c r="AH175">
        <v>0</v>
      </c>
      <c r="AI175">
        <v>0</v>
      </c>
    </row>
    <row r="176" spans="1:35" x14ac:dyDescent="0.4">
      <c r="A176">
        <v>377</v>
      </c>
      <c r="B176">
        <v>374</v>
      </c>
      <c r="C176">
        <v>0</v>
      </c>
      <c r="D176" s="1">
        <v>44399</v>
      </c>
      <c r="E176">
        <v>0</v>
      </c>
      <c r="F176">
        <v>0</v>
      </c>
      <c r="G176">
        <v>715</v>
      </c>
      <c r="H176">
        <v>715</v>
      </c>
      <c r="I176">
        <v>715</v>
      </c>
      <c r="J176">
        <v>715</v>
      </c>
      <c r="K176">
        <v>0</v>
      </c>
      <c r="L176">
        <v>715</v>
      </c>
      <c r="M176">
        <v>715</v>
      </c>
      <c r="N176">
        <v>715</v>
      </c>
      <c r="O176">
        <v>715</v>
      </c>
      <c r="P176">
        <v>0</v>
      </c>
      <c r="Q176">
        <v>0</v>
      </c>
      <c r="R176">
        <v>0</v>
      </c>
      <c r="S176">
        <v>0</v>
      </c>
      <c r="T176">
        <v>0</v>
      </c>
      <c r="U176">
        <v>0</v>
      </c>
      <c r="V176">
        <v>0</v>
      </c>
      <c r="W176">
        <v>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0</v>
      </c>
      <c r="AD176">
        <v>0</v>
      </c>
      <c r="AE176">
        <v>0</v>
      </c>
      <c r="AF176">
        <v>0</v>
      </c>
      <c r="AG176">
        <v>0</v>
      </c>
      <c r="AH176">
        <v>0</v>
      </c>
      <c r="AI176">
        <v>0</v>
      </c>
    </row>
    <row r="177" spans="1:35" x14ac:dyDescent="0.4">
      <c r="A177">
        <v>426</v>
      </c>
      <c r="B177">
        <v>424</v>
      </c>
      <c r="C177">
        <v>0</v>
      </c>
      <c r="D177" s="1">
        <v>45110</v>
      </c>
      <c r="E177">
        <v>0</v>
      </c>
      <c r="F177">
        <v>0</v>
      </c>
      <c r="G177">
        <v>528</v>
      </c>
      <c r="H177">
        <v>528</v>
      </c>
      <c r="I177">
        <v>528</v>
      </c>
      <c r="J177">
        <v>528</v>
      </c>
      <c r="K177">
        <v>528</v>
      </c>
      <c r="L177">
        <v>528</v>
      </c>
      <c r="M177">
        <v>528</v>
      </c>
      <c r="N177">
        <v>528</v>
      </c>
      <c r="O177">
        <v>528</v>
      </c>
      <c r="P177">
        <v>0</v>
      </c>
      <c r="Q177">
        <v>0</v>
      </c>
      <c r="R177">
        <v>0</v>
      </c>
      <c r="S177">
        <v>0</v>
      </c>
      <c r="T177">
        <v>0</v>
      </c>
      <c r="U177">
        <v>0</v>
      </c>
      <c r="V177">
        <v>0</v>
      </c>
      <c r="W177">
        <v>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0</v>
      </c>
      <c r="AD177">
        <v>0</v>
      </c>
      <c r="AE177">
        <v>0</v>
      </c>
      <c r="AF177">
        <v>0</v>
      </c>
      <c r="AG177">
        <v>0</v>
      </c>
      <c r="AH177">
        <v>0</v>
      </c>
      <c r="AI177">
        <v>0</v>
      </c>
    </row>
    <row r="178" spans="1:35" x14ac:dyDescent="0.4">
      <c r="A178">
        <v>316</v>
      </c>
      <c r="B178">
        <v>313</v>
      </c>
      <c r="C178">
        <v>0</v>
      </c>
      <c r="D178" s="1">
        <v>42035</v>
      </c>
      <c r="E178">
        <v>0</v>
      </c>
      <c r="F178">
        <v>0</v>
      </c>
      <c r="G178">
        <v>330</v>
      </c>
      <c r="H178">
        <v>330</v>
      </c>
      <c r="I178">
        <v>330</v>
      </c>
      <c r="J178">
        <v>330</v>
      </c>
      <c r="K178">
        <v>330</v>
      </c>
      <c r="L178">
        <v>330</v>
      </c>
      <c r="M178">
        <v>330</v>
      </c>
      <c r="N178">
        <v>330</v>
      </c>
      <c r="O178">
        <v>330</v>
      </c>
      <c r="P178">
        <v>0</v>
      </c>
      <c r="Q178">
        <v>0</v>
      </c>
      <c r="R178">
        <v>0</v>
      </c>
      <c r="S178">
        <v>0</v>
      </c>
      <c r="T178">
        <v>0</v>
      </c>
      <c r="U178">
        <v>0</v>
      </c>
      <c r="V178">
        <v>0</v>
      </c>
      <c r="W178">
        <v>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0</v>
      </c>
      <c r="AD178">
        <v>0</v>
      </c>
      <c r="AE178">
        <v>0</v>
      </c>
      <c r="AF178">
        <v>0</v>
      </c>
      <c r="AG178">
        <v>0</v>
      </c>
      <c r="AH178">
        <v>0</v>
      </c>
      <c r="AI178">
        <v>0</v>
      </c>
    </row>
    <row r="179" spans="1:35" x14ac:dyDescent="0.4">
      <c r="A179">
        <v>326</v>
      </c>
      <c r="B179">
        <v>323</v>
      </c>
      <c r="C179">
        <v>0</v>
      </c>
      <c r="D179" s="1">
        <v>42249</v>
      </c>
      <c r="E179">
        <v>0</v>
      </c>
      <c r="F179">
        <v>0</v>
      </c>
      <c r="G179">
        <v>495</v>
      </c>
      <c r="H179">
        <v>495</v>
      </c>
      <c r="I179">
        <v>495</v>
      </c>
      <c r="J179">
        <v>0</v>
      </c>
      <c r="K179">
        <v>0</v>
      </c>
      <c r="L179">
        <v>495</v>
      </c>
      <c r="M179">
        <v>495</v>
      </c>
      <c r="N179">
        <v>495</v>
      </c>
      <c r="O179">
        <v>495</v>
      </c>
      <c r="P179">
        <v>0</v>
      </c>
      <c r="Q179">
        <v>0</v>
      </c>
      <c r="R179">
        <v>0</v>
      </c>
      <c r="S179">
        <v>0</v>
      </c>
      <c r="T179">
        <v>0</v>
      </c>
      <c r="U179">
        <v>0</v>
      </c>
      <c r="V179">
        <v>0</v>
      </c>
      <c r="W179">
        <v>0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0</v>
      </c>
      <c r="AD179">
        <v>0</v>
      </c>
      <c r="AE179">
        <v>0</v>
      </c>
      <c r="AF179">
        <v>0</v>
      </c>
      <c r="AG179">
        <v>0</v>
      </c>
      <c r="AH179">
        <v>0</v>
      </c>
      <c r="AI179">
        <v>0</v>
      </c>
    </row>
    <row r="180" spans="1:35" x14ac:dyDescent="0.4">
      <c r="A180">
        <v>376</v>
      </c>
      <c r="B180">
        <v>373</v>
      </c>
      <c r="C180">
        <v>0</v>
      </c>
      <c r="D180" s="1">
        <v>44399</v>
      </c>
      <c r="E180">
        <v>0</v>
      </c>
      <c r="F180">
        <v>0</v>
      </c>
      <c r="G180">
        <v>715</v>
      </c>
      <c r="H180">
        <v>715</v>
      </c>
      <c r="I180">
        <v>715</v>
      </c>
      <c r="J180">
        <v>715</v>
      </c>
      <c r="K180">
        <v>0</v>
      </c>
      <c r="L180">
        <v>715</v>
      </c>
      <c r="M180">
        <v>715</v>
      </c>
      <c r="N180">
        <v>715</v>
      </c>
      <c r="O180">
        <v>715</v>
      </c>
      <c r="P180">
        <v>0</v>
      </c>
      <c r="Q180">
        <v>0</v>
      </c>
      <c r="R180">
        <v>0</v>
      </c>
      <c r="S180">
        <v>0</v>
      </c>
      <c r="T180">
        <v>0</v>
      </c>
      <c r="U180">
        <v>0</v>
      </c>
      <c r="V180">
        <v>0</v>
      </c>
      <c r="W180">
        <v>0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0</v>
      </c>
      <c r="AD180">
        <v>0</v>
      </c>
      <c r="AE180">
        <v>0</v>
      </c>
      <c r="AF180">
        <v>0</v>
      </c>
      <c r="AG180">
        <v>0</v>
      </c>
      <c r="AH180">
        <v>0</v>
      </c>
      <c r="AI180">
        <v>0</v>
      </c>
    </row>
    <row r="181" spans="1:35" x14ac:dyDescent="0.4">
      <c r="A181">
        <v>380</v>
      </c>
      <c r="B181">
        <v>377</v>
      </c>
      <c r="C181">
        <v>0</v>
      </c>
      <c r="D181" s="1">
        <v>44399</v>
      </c>
      <c r="E181">
        <v>0</v>
      </c>
      <c r="F181">
        <v>0</v>
      </c>
      <c r="G181">
        <v>550</v>
      </c>
      <c r="H181">
        <v>550</v>
      </c>
      <c r="I181">
        <v>550</v>
      </c>
      <c r="J181">
        <v>550</v>
      </c>
      <c r="K181">
        <v>0</v>
      </c>
      <c r="L181">
        <v>550</v>
      </c>
      <c r="M181">
        <v>550</v>
      </c>
      <c r="N181">
        <v>550</v>
      </c>
      <c r="O181">
        <v>550</v>
      </c>
      <c r="P181">
        <v>0</v>
      </c>
      <c r="Q181">
        <v>0</v>
      </c>
      <c r="R181">
        <v>0</v>
      </c>
      <c r="S181">
        <v>0</v>
      </c>
      <c r="T181">
        <v>0</v>
      </c>
      <c r="U181">
        <v>0</v>
      </c>
      <c r="V181">
        <v>0</v>
      </c>
      <c r="W181">
        <v>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0</v>
      </c>
      <c r="AD181">
        <v>0</v>
      </c>
      <c r="AE181">
        <v>0</v>
      </c>
      <c r="AF181">
        <v>0</v>
      </c>
      <c r="AG181">
        <v>0</v>
      </c>
      <c r="AH181">
        <v>0</v>
      </c>
      <c r="AI181">
        <v>0</v>
      </c>
    </row>
    <row r="182" spans="1:35" x14ac:dyDescent="0.4">
      <c r="A182">
        <v>296</v>
      </c>
      <c r="B182">
        <v>293</v>
      </c>
      <c r="C182">
        <v>0</v>
      </c>
      <c r="D182" s="1">
        <v>41730</v>
      </c>
      <c r="E182">
        <v>0</v>
      </c>
      <c r="F182">
        <v>0</v>
      </c>
      <c r="G182">
        <v>550</v>
      </c>
      <c r="H182">
        <v>550</v>
      </c>
      <c r="I182">
        <v>550</v>
      </c>
      <c r="J182">
        <v>550</v>
      </c>
      <c r="K182">
        <v>550</v>
      </c>
      <c r="L182">
        <v>550</v>
      </c>
      <c r="M182">
        <v>550</v>
      </c>
      <c r="N182">
        <v>550</v>
      </c>
      <c r="O182">
        <v>550</v>
      </c>
      <c r="P182">
        <v>0</v>
      </c>
      <c r="Q182">
        <v>0</v>
      </c>
      <c r="R182">
        <v>0</v>
      </c>
      <c r="S182">
        <v>0</v>
      </c>
      <c r="T182">
        <v>0</v>
      </c>
      <c r="U182">
        <v>0</v>
      </c>
      <c r="V182">
        <v>0</v>
      </c>
      <c r="W182">
        <v>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0</v>
      </c>
      <c r="AD182">
        <v>0</v>
      </c>
      <c r="AE182">
        <v>0</v>
      </c>
      <c r="AF182">
        <v>0</v>
      </c>
      <c r="AG182">
        <v>0</v>
      </c>
      <c r="AH182">
        <v>0</v>
      </c>
      <c r="AI182">
        <v>0</v>
      </c>
    </row>
    <row r="183" spans="1:35" x14ac:dyDescent="0.4">
      <c r="A183">
        <v>351</v>
      </c>
      <c r="B183">
        <v>348</v>
      </c>
      <c r="C183">
        <v>0</v>
      </c>
      <c r="D183" s="1">
        <v>43000</v>
      </c>
      <c r="E183">
        <v>0</v>
      </c>
      <c r="F183">
        <v>0</v>
      </c>
      <c r="G183">
        <v>0</v>
      </c>
      <c r="H183">
        <v>0</v>
      </c>
      <c r="I183">
        <v>0</v>
      </c>
      <c r="J183">
        <v>0</v>
      </c>
      <c r="K183">
        <v>0</v>
      </c>
      <c r="L183">
        <v>0</v>
      </c>
      <c r="M183">
        <v>0</v>
      </c>
      <c r="N183">
        <v>0</v>
      </c>
      <c r="O183">
        <v>0</v>
      </c>
      <c r="P183">
        <v>0</v>
      </c>
      <c r="Q183">
        <v>0</v>
      </c>
      <c r="R183">
        <v>0</v>
      </c>
      <c r="S183">
        <v>0</v>
      </c>
      <c r="T183">
        <v>0</v>
      </c>
      <c r="U183">
        <v>0</v>
      </c>
      <c r="V183">
        <v>0</v>
      </c>
      <c r="W183">
        <v>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0</v>
      </c>
      <c r="AD183">
        <v>0</v>
      </c>
      <c r="AE183">
        <v>0</v>
      </c>
      <c r="AF183">
        <v>0</v>
      </c>
      <c r="AG183">
        <v>0</v>
      </c>
      <c r="AH183">
        <v>0</v>
      </c>
      <c r="AI183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71"/>
  <sheetViews>
    <sheetView tabSelected="1" workbookViewId="0">
      <selection sqref="A1:I169"/>
    </sheetView>
  </sheetViews>
  <sheetFormatPr defaultRowHeight="18.75" x14ac:dyDescent="0.4"/>
  <sheetData>
    <row r="1" spans="1:5" x14ac:dyDescent="0.4">
      <c r="A1" t="s">
        <v>35</v>
      </c>
      <c r="B1" t="s">
        <v>36</v>
      </c>
      <c r="C1" t="s">
        <v>37</v>
      </c>
      <c r="D1" t="s">
        <v>38</v>
      </c>
      <c r="E1" t="s">
        <v>39</v>
      </c>
    </row>
    <row r="2" spans="1:5" x14ac:dyDescent="0.4">
      <c r="A2">
        <v>1</v>
      </c>
      <c r="B2" s="4" t="s">
        <v>40</v>
      </c>
      <c r="C2">
        <v>12</v>
      </c>
      <c r="E2" s="4"/>
    </row>
    <row r="3" spans="1:5" x14ac:dyDescent="0.4">
      <c r="A3">
        <v>2</v>
      </c>
      <c r="B3" s="4" t="s">
        <v>40</v>
      </c>
      <c r="C3">
        <v>12</v>
      </c>
      <c r="E3" s="4"/>
    </row>
    <row r="4" spans="1:5" x14ac:dyDescent="0.4">
      <c r="A4">
        <v>3</v>
      </c>
      <c r="B4" s="4" t="s">
        <v>40</v>
      </c>
      <c r="C4">
        <v>30</v>
      </c>
      <c r="E4" s="4"/>
    </row>
    <row r="5" spans="1:5" x14ac:dyDescent="0.4">
      <c r="A5">
        <v>4</v>
      </c>
      <c r="B5" s="4" t="s">
        <v>40</v>
      </c>
      <c r="C5">
        <v>24</v>
      </c>
      <c r="E5" s="4"/>
    </row>
    <row r="6" spans="1:5" x14ac:dyDescent="0.4">
      <c r="A6">
        <v>5</v>
      </c>
      <c r="B6" s="4" t="s">
        <v>40</v>
      </c>
      <c r="C6">
        <v>30</v>
      </c>
      <c r="E6" s="4"/>
    </row>
    <row r="7" spans="1:5" x14ac:dyDescent="0.4">
      <c r="A7">
        <v>6</v>
      </c>
      <c r="B7" s="4" t="s">
        <v>40</v>
      </c>
      <c r="C7">
        <v>12</v>
      </c>
      <c r="E7" s="4"/>
    </row>
    <row r="8" spans="1:5" x14ac:dyDescent="0.4">
      <c r="A8">
        <v>7</v>
      </c>
      <c r="B8" s="4" t="s">
        <v>40</v>
      </c>
      <c r="C8">
        <v>12</v>
      </c>
      <c r="E8" s="4"/>
    </row>
    <row r="9" spans="1:5" x14ac:dyDescent="0.4">
      <c r="A9">
        <v>8</v>
      </c>
      <c r="B9" s="4" t="s">
        <v>40</v>
      </c>
      <c r="C9">
        <v>12</v>
      </c>
      <c r="E9" s="4"/>
    </row>
    <row r="10" spans="1:5" x14ac:dyDescent="0.4">
      <c r="A10">
        <v>9</v>
      </c>
      <c r="B10" s="4" t="s">
        <v>40</v>
      </c>
      <c r="C10">
        <v>12</v>
      </c>
      <c r="E10" s="4"/>
    </row>
    <row r="11" spans="1:5" x14ac:dyDescent="0.4">
      <c r="A11">
        <v>10</v>
      </c>
      <c r="B11" s="4" t="s">
        <v>40</v>
      </c>
      <c r="C11">
        <v>12</v>
      </c>
      <c r="E11" s="4"/>
    </row>
    <row r="12" spans="1:5" x14ac:dyDescent="0.4">
      <c r="A12">
        <v>11</v>
      </c>
      <c r="B12" s="4" t="s">
        <v>40</v>
      </c>
      <c r="C12">
        <v>12</v>
      </c>
      <c r="E12" s="4"/>
    </row>
    <row r="13" spans="1:5" x14ac:dyDescent="0.4">
      <c r="A13">
        <v>12</v>
      </c>
      <c r="B13" s="4" t="s">
        <v>40</v>
      </c>
      <c r="C13">
        <v>12</v>
      </c>
      <c r="E13" s="4"/>
    </row>
    <row r="14" spans="1:5" x14ac:dyDescent="0.4">
      <c r="A14">
        <v>13</v>
      </c>
      <c r="B14" s="4" t="s">
        <v>40</v>
      </c>
      <c r="C14">
        <v>12</v>
      </c>
      <c r="E14" s="4"/>
    </row>
    <row r="15" spans="1:5" x14ac:dyDescent="0.4">
      <c r="A15">
        <v>14</v>
      </c>
      <c r="B15" s="4" t="s">
        <v>40</v>
      </c>
      <c r="C15">
        <v>12</v>
      </c>
      <c r="E15" s="4"/>
    </row>
    <row r="16" spans="1:5" x14ac:dyDescent="0.4">
      <c r="A16">
        <v>15</v>
      </c>
      <c r="B16" s="4" t="s">
        <v>40</v>
      </c>
      <c r="C16">
        <v>12</v>
      </c>
      <c r="E16" s="4"/>
    </row>
    <row r="17" spans="1:5" x14ac:dyDescent="0.4">
      <c r="A17">
        <v>16</v>
      </c>
      <c r="B17" s="4" t="s">
        <v>40</v>
      </c>
      <c r="C17">
        <v>12</v>
      </c>
      <c r="E17" s="4"/>
    </row>
    <row r="18" spans="1:5" x14ac:dyDescent="0.4">
      <c r="A18">
        <v>17</v>
      </c>
      <c r="B18" s="4" t="s">
        <v>40</v>
      </c>
      <c r="C18">
        <v>12</v>
      </c>
      <c r="E18" s="4"/>
    </row>
    <row r="19" spans="1:5" x14ac:dyDescent="0.4">
      <c r="A19">
        <v>18</v>
      </c>
      <c r="B19" s="4" t="s">
        <v>40</v>
      </c>
      <c r="C19">
        <v>12</v>
      </c>
      <c r="E19" s="4"/>
    </row>
    <row r="20" spans="1:5" x14ac:dyDescent="0.4">
      <c r="A20">
        <v>19</v>
      </c>
      <c r="B20" s="4" t="s">
        <v>40</v>
      </c>
      <c r="C20">
        <v>12</v>
      </c>
      <c r="E20" s="4"/>
    </row>
    <row r="21" spans="1:5" x14ac:dyDescent="0.4">
      <c r="A21">
        <v>20</v>
      </c>
      <c r="B21" s="4" t="s">
        <v>40</v>
      </c>
      <c r="C21">
        <v>12</v>
      </c>
      <c r="E21" s="4"/>
    </row>
    <row r="22" spans="1:5" x14ac:dyDescent="0.4">
      <c r="A22">
        <v>21</v>
      </c>
      <c r="B22" s="4" t="s">
        <v>40</v>
      </c>
      <c r="C22">
        <v>12</v>
      </c>
      <c r="E22" s="4"/>
    </row>
    <row r="23" spans="1:5" x14ac:dyDescent="0.4">
      <c r="A23">
        <v>22</v>
      </c>
      <c r="B23" s="4" t="s">
        <v>40</v>
      </c>
      <c r="C23">
        <v>12</v>
      </c>
      <c r="E23" s="4"/>
    </row>
    <row r="24" spans="1:5" x14ac:dyDescent="0.4">
      <c r="A24">
        <v>23</v>
      </c>
      <c r="B24" s="4" t="s">
        <v>40</v>
      </c>
      <c r="C24">
        <v>12</v>
      </c>
      <c r="E24" s="4"/>
    </row>
    <row r="25" spans="1:5" x14ac:dyDescent="0.4">
      <c r="A25">
        <v>24</v>
      </c>
      <c r="B25" s="4" t="s">
        <v>40</v>
      </c>
      <c r="C25">
        <v>12</v>
      </c>
      <c r="E25" s="4"/>
    </row>
    <row r="26" spans="1:5" x14ac:dyDescent="0.4">
      <c r="A26">
        <v>25</v>
      </c>
      <c r="B26" s="4" t="s">
        <v>40</v>
      </c>
      <c r="C26">
        <v>12</v>
      </c>
      <c r="E26" s="4"/>
    </row>
    <row r="27" spans="1:5" x14ac:dyDescent="0.4">
      <c r="A27">
        <v>26</v>
      </c>
      <c r="B27" s="4" t="s">
        <v>40</v>
      </c>
      <c r="C27">
        <v>12</v>
      </c>
      <c r="E27" s="4"/>
    </row>
    <row r="28" spans="1:5" x14ac:dyDescent="0.4">
      <c r="A28">
        <v>27</v>
      </c>
      <c r="B28" s="4" t="s">
        <v>40</v>
      </c>
      <c r="C28">
        <v>12</v>
      </c>
      <c r="E28" s="4"/>
    </row>
    <row r="29" spans="1:5" x14ac:dyDescent="0.4">
      <c r="A29">
        <v>28</v>
      </c>
      <c r="B29" s="4" t="s">
        <v>40</v>
      </c>
      <c r="C29">
        <v>12</v>
      </c>
      <c r="E29" s="4"/>
    </row>
    <row r="30" spans="1:5" x14ac:dyDescent="0.4">
      <c r="A30">
        <v>29</v>
      </c>
      <c r="B30" s="4" t="s">
        <v>40</v>
      </c>
      <c r="C30">
        <v>12</v>
      </c>
      <c r="E30" s="4"/>
    </row>
    <row r="31" spans="1:5" x14ac:dyDescent="0.4">
      <c r="A31">
        <v>30</v>
      </c>
      <c r="B31" s="4" t="s">
        <v>40</v>
      </c>
      <c r="C31">
        <v>12</v>
      </c>
      <c r="E31" s="4"/>
    </row>
    <row r="32" spans="1:5" x14ac:dyDescent="0.4">
      <c r="A32">
        <v>31</v>
      </c>
      <c r="B32" s="4" t="s">
        <v>40</v>
      </c>
      <c r="C32">
        <v>12</v>
      </c>
      <c r="E32" s="4"/>
    </row>
    <row r="33" spans="1:5" x14ac:dyDescent="0.4">
      <c r="A33">
        <v>32</v>
      </c>
      <c r="B33" s="4" t="s">
        <v>40</v>
      </c>
      <c r="C33">
        <v>12</v>
      </c>
      <c r="E33" s="4"/>
    </row>
    <row r="34" spans="1:5" x14ac:dyDescent="0.4">
      <c r="A34">
        <v>33</v>
      </c>
      <c r="B34" s="4" t="s">
        <v>40</v>
      </c>
      <c r="C34">
        <v>12</v>
      </c>
      <c r="E34" s="4"/>
    </row>
    <row r="35" spans="1:5" x14ac:dyDescent="0.4">
      <c r="A35">
        <v>34</v>
      </c>
      <c r="B35" s="4" t="s">
        <v>40</v>
      </c>
      <c r="C35">
        <v>12</v>
      </c>
      <c r="E35" s="4"/>
    </row>
    <row r="36" spans="1:5" x14ac:dyDescent="0.4">
      <c r="A36">
        <v>35</v>
      </c>
      <c r="B36" s="4" t="s">
        <v>41</v>
      </c>
      <c r="C36">
        <v>12</v>
      </c>
      <c r="E36" s="4"/>
    </row>
    <row r="37" spans="1:5" x14ac:dyDescent="0.4">
      <c r="B37" s="4"/>
      <c r="D37">
        <v>1</v>
      </c>
      <c r="E37" s="4" t="s">
        <v>0</v>
      </c>
    </row>
    <row r="38" spans="1:5" x14ac:dyDescent="0.4">
      <c r="B38" s="4"/>
      <c r="D38">
        <v>2</v>
      </c>
      <c r="E38" s="4" t="s">
        <v>1</v>
      </c>
    </row>
    <row r="39" spans="1:5" x14ac:dyDescent="0.4">
      <c r="B39" s="4"/>
      <c r="D39">
        <v>3</v>
      </c>
      <c r="E39" s="4" t="s">
        <v>2</v>
      </c>
    </row>
    <row r="40" spans="1:5" x14ac:dyDescent="0.4">
      <c r="B40" s="4"/>
      <c r="D40">
        <v>4</v>
      </c>
      <c r="E40" s="4" t="s">
        <v>3</v>
      </c>
    </row>
    <row r="41" spans="1:5" x14ac:dyDescent="0.4">
      <c r="B41" s="4"/>
      <c r="D41">
        <v>5</v>
      </c>
      <c r="E41" s="4" t="s">
        <v>4</v>
      </c>
    </row>
    <row r="42" spans="1:5" x14ac:dyDescent="0.4">
      <c r="B42" s="4"/>
      <c r="D42">
        <v>6</v>
      </c>
      <c r="E42" s="4" t="s">
        <v>5</v>
      </c>
    </row>
    <row r="43" spans="1:5" x14ac:dyDescent="0.4">
      <c r="B43" s="4"/>
      <c r="D43">
        <v>7</v>
      </c>
      <c r="E43" s="4" t="s">
        <v>6</v>
      </c>
    </row>
    <row r="44" spans="1:5" x14ac:dyDescent="0.4">
      <c r="B44" s="4"/>
      <c r="D44">
        <v>8</v>
      </c>
      <c r="E44" s="4" t="s">
        <v>7</v>
      </c>
    </row>
    <row r="45" spans="1:5" x14ac:dyDescent="0.4">
      <c r="B45" s="4"/>
      <c r="D45">
        <v>9</v>
      </c>
      <c r="E45" s="4" t="s">
        <v>8</v>
      </c>
    </row>
    <row r="46" spans="1:5" x14ac:dyDescent="0.4">
      <c r="B46" s="4"/>
      <c r="D46">
        <v>10</v>
      </c>
      <c r="E46" s="4" t="s">
        <v>9</v>
      </c>
    </row>
    <row r="47" spans="1:5" x14ac:dyDescent="0.4">
      <c r="B47" s="4"/>
      <c r="D47">
        <v>11</v>
      </c>
      <c r="E47" s="4" t="s">
        <v>10</v>
      </c>
    </row>
    <row r="48" spans="1:5" x14ac:dyDescent="0.4">
      <c r="B48" s="4"/>
      <c r="D48">
        <v>12</v>
      </c>
      <c r="E48" s="4" t="s">
        <v>11</v>
      </c>
    </row>
    <row r="49" spans="2:5" x14ac:dyDescent="0.4">
      <c r="B49" s="4"/>
      <c r="D49">
        <v>13</v>
      </c>
      <c r="E49" s="4" t="s">
        <v>12</v>
      </c>
    </row>
    <row r="50" spans="2:5" x14ac:dyDescent="0.4">
      <c r="B50" s="4"/>
      <c r="D50">
        <v>14</v>
      </c>
      <c r="E50" s="4" t="s">
        <v>13</v>
      </c>
    </row>
    <row r="51" spans="2:5" x14ac:dyDescent="0.4">
      <c r="B51" s="4"/>
      <c r="D51">
        <v>15</v>
      </c>
      <c r="E51" s="4" t="s">
        <v>14</v>
      </c>
    </row>
    <row r="52" spans="2:5" x14ac:dyDescent="0.4">
      <c r="B52" s="4"/>
      <c r="D52">
        <v>16</v>
      </c>
      <c r="E52" s="4" t="s">
        <v>15</v>
      </c>
    </row>
    <row r="53" spans="2:5" x14ac:dyDescent="0.4">
      <c r="B53" s="4"/>
      <c r="D53">
        <v>17</v>
      </c>
      <c r="E53" s="4" t="s">
        <v>16</v>
      </c>
    </row>
    <row r="54" spans="2:5" x14ac:dyDescent="0.4">
      <c r="B54" s="4"/>
      <c r="D54">
        <v>18</v>
      </c>
      <c r="E54" s="4" t="s">
        <v>17</v>
      </c>
    </row>
    <row r="55" spans="2:5" x14ac:dyDescent="0.4">
      <c r="B55" s="4"/>
      <c r="D55">
        <v>19</v>
      </c>
      <c r="E55" s="4" t="s">
        <v>18</v>
      </c>
    </row>
    <row r="56" spans="2:5" x14ac:dyDescent="0.4">
      <c r="B56" s="4"/>
      <c r="D56">
        <v>20</v>
      </c>
      <c r="E56" s="4" t="s">
        <v>19</v>
      </c>
    </row>
    <row r="57" spans="2:5" x14ac:dyDescent="0.4">
      <c r="B57" s="4"/>
      <c r="D57">
        <v>21</v>
      </c>
      <c r="E57" s="4" t="s">
        <v>20</v>
      </c>
    </row>
    <row r="58" spans="2:5" x14ac:dyDescent="0.4">
      <c r="B58" s="4"/>
      <c r="D58">
        <v>22</v>
      </c>
      <c r="E58" s="4" t="s">
        <v>21</v>
      </c>
    </row>
    <row r="59" spans="2:5" x14ac:dyDescent="0.4">
      <c r="B59" s="4"/>
      <c r="D59">
        <v>23</v>
      </c>
      <c r="E59" s="4" t="s">
        <v>22</v>
      </c>
    </row>
    <row r="60" spans="2:5" x14ac:dyDescent="0.4">
      <c r="B60" s="4"/>
      <c r="D60">
        <v>24</v>
      </c>
      <c r="E60" s="4" t="s">
        <v>23</v>
      </c>
    </row>
    <row r="61" spans="2:5" x14ac:dyDescent="0.4">
      <c r="B61" s="4"/>
      <c r="D61">
        <v>25</v>
      </c>
      <c r="E61" s="4" t="s">
        <v>24</v>
      </c>
    </row>
    <row r="62" spans="2:5" x14ac:dyDescent="0.4">
      <c r="B62" s="4"/>
      <c r="D62">
        <v>26</v>
      </c>
      <c r="E62" s="4" t="s">
        <v>25</v>
      </c>
    </row>
    <row r="63" spans="2:5" x14ac:dyDescent="0.4">
      <c r="B63" s="4"/>
      <c r="D63">
        <v>27</v>
      </c>
      <c r="E63" s="4" t="s">
        <v>26</v>
      </c>
    </row>
    <row r="64" spans="2:5" x14ac:dyDescent="0.4">
      <c r="B64" s="4"/>
      <c r="D64">
        <v>28</v>
      </c>
      <c r="E64" s="4" t="s">
        <v>27</v>
      </c>
    </row>
    <row r="65" spans="2:5" x14ac:dyDescent="0.4">
      <c r="B65" s="4"/>
      <c r="D65">
        <v>29</v>
      </c>
      <c r="E65" s="4" t="s">
        <v>28</v>
      </c>
    </row>
    <row r="66" spans="2:5" x14ac:dyDescent="0.4">
      <c r="B66" s="4"/>
      <c r="D66">
        <v>30</v>
      </c>
      <c r="E66" s="4" t="s">
        <v>29</v>
      </c>
    </row>
    <row r="67" spans="2:5" x14ac:dyDescent="0.4">
      <c r="B67" s="4"/>
      <c r="D67">
        <v>31</v>
      </c>
      <c r="E67" s="4" t="s">
        <v>30</v>
      </c>
    </row>
    <row r="68" spans="2:5" x14ac:dyDescent="0.4">
      <c r="B68" s="4"/>
      <c r="D68">
        <v>32</v>
      </c>
      <c r="E68" s="4" t="s">
        <v>31</v>
      </c>
    </row>
    <row r="69" spans="2:5" x14ac:dyDescent="0.4">
      <c r="B69" s="4"/>
      <c r="D69">
        <v>33</v>
      </c>
      <c r="E69" s="4" t="s">
        <v>32</v>
      </c>
    </row>
    <row r="70" spans="2:5" x14ac:dyDescent="0.4">
      <c r="B70" s="4"/>
      <c r="D70">
        <v>34</v>
      </c>
      <c r="E70" s="4" t="s">
        <v>33</v>
      </c>
    </row>
    <row r="71" spans="2:5" x14ac:dyDescent="0.4">
      <c r="B71" s="4"/>
      <c r="D71">
        <v>35</v>
      </c>
      <c r="E71" s="4" t="s">
        <v>34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Goods2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3:31:30Z</dcterms:created>
  <dcterms:modified xsi:type="dcterms:W3CDTF">2024-02-29T06:14:36Z</dcterms:modified>
</cp:coreProperties>
</file>